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32770" yWindow="32770" windowWidth="23040" windowHeight="7440"/>
  </bookViews>
  <sheets>
    <sheet name="日中型GH" sheetId="1" r:id="rId1"/>
    <sheet name="別紙" sheetId="4" r:id="rId2"/>
  </sheets>
  <definedNames>
    <definedName name="_xlnm.Print_Area" localSheetId="0">日中型GH!$A$1:$J$191</definedName>
    <definedName name="_xlnm.Print_Area" localSheetId="1">別紙!$A:$J</definedName>
  </definedNames>
  <calcPr calcId="152511"/>
</workbook>
</file>

<file path=xl/sharedStrings.xml><?xml version="1.0" encoding="utf-8"?>
<sst xmlns="http://schemas.openxmlformats.org/spreadsheetml/2006/main" count="288" uniqueCount="171">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人</t>
    <rPh sb="0" eb="1">
      <t>ニン</t>
    </rPh>
    <phoneticPr fontId="2"/>
  </si>
  <si>
    <t>パンフレット等</t>
    <rPh sb="6" eb="7">
      <t>トウ</t>
    </rPh>
    <phoneticPr fontId="2"/>
  </si>
  <si>
    <t>〒</t>
    <phoneticPr fontId="2"/>
  </si>
  <si>
    <t>ＴＥＬ</t>
    <phoneticPr fontId="2"/>
  </si>
  <si>
    <t>ＦＡＸ</t>
    <phoneticPr fontId="2"/>
  </si>
  <si>
    <t xml:space="preserve">    の氏名</t>
    <rPh sb="5" eb="7">
      <t>シメイ</t>
    </rPh>
    <phoneticPr fontId="2"/>
  </si>
  <si>
    <t>内訳</t>
    <rPh sb="0" eb="2">
      <t>ウチワケ</t>
    </rPh>
    <phoneticPr fontId="2"/>
  </si>
  <si>
    <t>なし</t>
    <phoneticPr fontId="2"/>
  </si>
  <si>
    <t>あり</t>
    <phoneticPr fontId="2"/>
  </si>
  <si>
    <t>はい</t>
  </si>
  <si>
    <t>いいえ</t>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5"/>
  </si>
  <si>
    <t>有・無</t>
    <rPh sb="0" eb="1">
      <t>ア</t>
    </rPh>
    <rPh sb="2" eb="3">
      <t>ム</t>
    </rPh>
    <phoneticPr fontId="2"/>
  </si>
  <si>
    <t>　有（　　ヵ所）　・　無</t>
    <rPh sb="1" eb="2">
      <t>ユウ</t>
    </rPh>
    <rPh sb="6" eb="7">
      <t>ショ</t>
    </rPh>
    <rPh sb="11" eb="12">
      <t>ム</t>
    </rPh>
    <phoneticPr fontId="5"/>
  </si>
  <si>
    <t>避難口</t>
    <rPh sb="0" eb="2">
      <t>ヒナン</t>
    </rPh>
    <rPh sb="2" eb="3">
      <t>グチ</t>
    </rPh>
    <phoneticPr fontId="5"/>
  </si>
  <si>
    <t>居室・廊下・階段等の内装</t>
    <rPh sb="0" eb="2">
      <t>キョシツ</t>
    </rPh>
    <rPh sb="3" eb="5">
      <t>ロウカ</t>
    </rPh>
    <rPh sb="6" eb="8">
      <t>カイダン</t>
    </rPh>
    <rPh sb="8" eb="9">
      <t>トウ</t>
    </rPh>
    <rPh sb="10" eb="12">
      <t>ナイソウ</t>
    </rPh>
    <phoneticPr fontId="2"/>
  </si>
  <si>
    <t>　適　・　不適</t>
    <rPh sb="1" eb="7">
      <t>テキフテキ</t>
    </rPh>
    <phoneticPr fontId="5"/>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5"/>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　(1) 名称・定員・住所</t>
    <rPh sb="5" eb="6">
      <t>ナ</t>
    </rPh>
    <rPh sb="6" eb="7">
      <t>ショウ</t>
    </rPh>
    <rPh sb="8" eb="10">
      <t>テイイン</t>
    </rPh>
    <rPh sb="11" eb="13">
      <t>ジュウショ</t>
    </rPh>
    <phoneticPr fontId="2"/>
  </si>
  <si>
    <t>　(2) 名称・定員・住所</t>
    <rPh sb="5" eb="6">
      <t>ナ</t>
    </rPh>
    <rPh sb="6" eb="7">
      <t>ショウ</t>
    </rPh>
    <rPh sb="8" eb="10">
      <t>テイイン</t>
    </rPh>
    <rPh sb="11" eb="13">
      <t>ジュウショ</t>
    </rPh>
    <phoneticPr fontId="2"/>
  </si>
  <si>
    <t>　(3) 名称・定員・住所</t>
    <rPh sb="5" eb="6">
      <t>ナ</t>
    </rPh>
    <rPh sb="6" eb="7">
      <t>ショウ</t>
    </rPh>
    <rPh sb="8" eb="10">
      <t>テイイン</t>
    </rPh>
    <rPh sb="11" eb="13">
      <t>ジュウショ</t>
    </rPh>
    <phoneticPr fontId="2"/>
  </si>
  <si>
    <t>　(4) 名称・定員・住所</t>
    <rPh sb="5" eb="6">
      <t>ナ</t>
    </rPh>
    <rPh sb="6" eb="7">
      <t>ショウ</t>
    </rPh>
    <rPh sb="8" eb="10">
      <t>テイイン</t>
    </rPh>
    <rPh sb="11" eb="13">
      <t>ジュウショ</t>
    </rPh>
    <phoneticPr fontId="2"/>
  </si>
  <si>
    <t>　(5) 名称・定員・住所</t>
    <rPh sb="5" eb="6">
      <t>ナ</t>
    </rPh>
    <rPh sb="6" eb="7">
      <t>ショウ</t>
    </rPh>
    <rPh sb="8" eb="10">
      <t>テイイン</t>
    </rPh>
    <rPh sb="11" eb="13">
      <t>ジュウショ</t>
    </rPh>
    <phoneticPr fontId="2"/>
  </si>
  <si>
    <t>　(6) 名称・定員・住所</t>
    <rPh sb="5" eb="6">
      <t>ナ</t>
    </rPh>
    <rPh sb="6" eb="7">
      <t>ショウ</t>
    </rPh>
    <rPh sb="8" eb="10">
      <t>テイイン</t>
    </rPh>
    <rPh sb="11" eb="13">
      <t>ジュウショ</t>
    </rPh>
    <phoneticPr fontId="2"/>
  </si>
  <si>
    <t>　(7) 名称・定員・住所</t>
    <rPh sb="5" eb="6">
      <t>ナ</t>
    </rPh>
    <rPh sb="6" eb="7">
      <t>ショウ</t>
    </rPh>
    <rPh sb="8" eb="10">
      <t>テイイン</t>
    </rPh>
    <rPh sb="11" eb="13">
      <t>ジュウショ</t>
    </rPh>
    <phoneticPr fontId="2"/>
  </si>
  <si>
    <t>　(8) 名称・定員・住所</t>
    <rPh sb="5" eb="6">
      <t>ナ</t>
    </rPh>
    <rPh sb="6" eb="7">
      <t>ショウ</t>
    </rPh>
    <rPh sb="8" eb="10">
      <t>テイイン</t>
    </rPh>
    <rPh sb="11" eb="13">
      <t>ジュウショ</t>
    </rPh>
    <phoneticPr fontId="2"/>
  </si>
  <si>
    <t>　(9) 名称・定員・住所</t>
    <rPh sb="5" eb="6">
      <t>ナ</t>
    </rPh>
    <rPh sb="6" eb="7">
      <t>ショウ</t>
    </rPh>
    <rPh sb="8" eb="10">
      <t>テイイン</t>
    </rPh>
    <rPh sb="11" eb="13">
      <t>ジュウショ</t>
    </rPh>
    <phoneticPr fontId="2"/>
  </si>
  <si>
    <t>　(10)名称・定員・住所</t>
    <rPh sb="5" eb="6">
      <t>ナ</t>
    </rPh>
    <rPh sb="6" eb="7">
      <t>ショウ</t>
    </rPh>
    <rPh sb="8" eb="10">
      <t>テイイン</t>
    </rPh>
    <rPh sb="11" eb="13">
      <t>ジュウショ</t>
    </rPh>
    <phoneticPr fontId="2"/>
  </si>
  <si>
    <t>　(11)名称・定員・住所</t>
    <rPh sb="5" eb="6">
      <t>ナ</t>
    </rPh>
    <rPh sb="6" eb="7">
      <t>ショウ</t>
    </rPh>
    <rPh sb="8" eb="10">
      <t>テイイン</t>
    </rPh>
    <rPh sb="11" eb="13">
      <t>ジュウショ</t>
    </rPh>
    <phoneticPr fontId="2"/>
  </si>
  <si>
    <t>　(12)名称・定員・住所</t>
    <rPh sb="5" eb="6">
      <t>ナ</t>
    </rPh>
    <rPh sb="6" eb="7">
      <t>ショウ</t>
    </rPh>
    <rPh sb="8" eb="10">
      <t>テイイン</t>
    </rPh>
    <rPh sb="11" eb="13">
      <t>ジュウショ</t>
    </rPh>
    <phoneticPr fontId="2"/>
  </si>
  <si>
    <t>　(13)名称・定員・住所</t>
    <rPh sb="5" eb="6">
      <t>ナ</t>
    </rPh>
    <rPh sb="6" eb="7">
      <t>ショウ</t>
    </rPh>
    <rPh sb="8" eb="10">
      <t>テイイン</t>
    </rPh>
    <rPh sb="11" eb="13">
      <t>ジュウショ</t>
    </rPh>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現状</t>
    <rPh sb="0" eb="2">
      <t>ゲンジョウ</t>
    </rPh>
    <phoneticPr fontId="2"/>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３　事業所の名称</t>
    <rPh sb="2" eb="5">
      <t>ジギョウショ</t>
    </rPh>
    <rPh sb="6" eb="8">
      <t>メイショウ</t>
    </rPh>
    <phoneticPr fontId="2"/>
  </si>
  <si>
    <t xml:space="preserve">    </t>
    <phoneticPr fontId="2"/>
  </si>
  <si>
    <t>４　事業所の住所、連絡先</t>
    <rPh sb="2" eb="5">
      <t>ジギョウショ</t>
    </rPh>
    <rPh sb="6" eb="8">
      <t>ジュウショ</t>
    </rPh>
    <phoneticPr fontId="2"/>
  </si>
  <si>
    <t>世話人</t>
    <rPh sb="0" eb="2">
      <t>セワ</t>
    </rPh>
    <rPh sb="2" eb="3">
      <t>ニン</t>
    </rPh>
    <phoneticPr fontId="2"/>
  </si>
  <si>
    <t>生活支援員</t>
    <rPh sb="0" eb="2">
      <t>セイカツ</t>
    </rPh>
    <rPh sb="2" eb="4">
      <t>シエン</t>
    </rPh>
    <rPh sb="4" eb="5">
      <t>イン</t>
    </rPh>
    <phoneticPr fontId="2"/>
  </si>
  <si>
    <t>人（常勤</t>
    <rPh sb="0" eb="1">
      <t>ニン</t>
    </rPh>
    <rPh sb="2" eb="4">
      <t>ジョウキン</t>
    </rPh>
    <phoneticPr fontId="2"/>
  </si>
  <si>
    <t>人</t>
    <rPh sb="0" eb="1">
      <t>ヒト</t>
    </rPh>
    <phoneticPr fontId="2"/>
  </si>
  <si>
    <t>非常勤</t>
    <rPh sb="0" eb="3">
      <t>ヒジョウキン</t>
    </rPh>
    <phoneticPr fontId="2"/>
  </si>
  <si>
    <t>）</t>
    <phoneticPr fontId="2"/>
  </si>
  <si>
    <t>名称</t>
    <rPh sb="0" eb="2">
      <t>メイショウ</t>
    </rPh>
    <phoneticPr fontId="2"/>
  </si>
  <si>
    <t>診療科名</t>
    <rPh sb="0" eb="2">
      <t>シンリョウ</t>
    </rPh>
    <rPh sb="2" eb="3">
      <t>カ</t>
    </rPh>
    <rPh sb="3" eb="4">
      <t>ナ</t>
    </rPh>
    <phoneticPr fontId="2"/>
  </si>
  <si>
    <t>　(1) 福祉専門職員配置等加算</t>
    <rPh sb="5" eb="7">
      <t>フクシ</t>
    </rPh>
    <rPh sb="7" eb="9">
      <t>センモン</t>
    </rPh>
    <rPh sb="9" eb="11">
      <t>ショクイン</t>
    </rPh>
    <rPh sb="11" eb="13">
      <t>ハイチ</t>
    </rPh>
    <rPh sb="13" eb="14">
      <t>ナド</t>
    </rPh>
    <rPh sb="14" eb="16">
      <t>カサン</t>
    </rPh>
    <phoneticPr fontId="2"/>
  </si>
  <si>
    <t>　(1) 大規模住居等減算</t>
    <rPh sb="5" eb="8">
      <t>ダイキボ</t>
    </rPh>
    <rPh sb="8" eb="11">
      <t>ジュウキョトウ</t>
    </rPh>
    <rPh sb="11" eb="13">
      <t>ゲンサン</t>
    </rPh>
    <phoneticPr fontId="2"/>
  </si>
  <si>
    <t>　(3) 共同生活援助計画が作成されていない場合に</t>
    <rPh sb="5" eb="7">
      <t>キョウドウ</t>
    </rPh>
    <rPh sb="7" eb="9">
      <t>セイカツ</t>
    </rPh>
    <rPh sb="9" eb="11">
      <t>エンジョ</t>
    </rPh>
    <rPh sb="11" eb="13">
      <t>ケイカク</t>
    </rPh>
    <rPh sb="14" eb="16">
      <t>サクセイ</t>
    </rPh>
    <rPh sb="22" eb="24">
      <t>バアイ</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　(2) 視覚・聴覚言語障害者支援体制加算</t>
    <rPh sb="5" eb="7">
      <t>シカク</t>
    </rPh>
    <rPh sb="8" eb="10">
      <t>チョウカク</t>
    </rPh>
    <rPh sb="10" eb="12">
      <t>ゲンゴ</t>
    </rPh>
    <rPh sb="12" eb="14">
      <t>ショウガイ</t>
    </rPh>
    <rPh sb="14" eb="15">
      <t>シャ</t>
    </rPh>
    <rPh sb="15" eb="17">
      <t>シエン</t>
    </rPh>
    <rPh sb="17" eb="19">
      <t>タイセイ</t>
    </rPh>
    <rPh sb="19" eb="21">
      <t>カサン</t>
    </rPh>
    <phoneticPr fontId="2"/>
  </si>
  <si>
    <t>あり（　Ⅰ・Ⅱ・Ⅲ　）</t>
    <phoneticPr fontId="2"/>
  </si>
  <si>
    <t>　(2) 世話人、生活支援員又はサービス管理責任者</t>
    <rPh sb="5" eb="7">
      <t>セワ</t>
    </rPh>
    <rPh sb="7" eb="8">
      <t>ニン</t>
    </rPh>
    <rPh sb="9" eb="11">
      <t>セイカツ</t>
    </rPh>
    <rPh sb="11" eb="13">
      <t>シエン</t>
    </rPh>
    <rPh sb="13" eb="14">
      <t>イン</t>
    </rPh>
    <rPh sb="14" eb="15">
      <t>マタ</t>
    </rPh>
    <rPh sb="20" eb="22">
      <t>カンリ</t>
    </rPh>
    <rPh sb="22" eb="24">
      <t>セキニン</t>
    </rPh>
    <rPh sb="24" eb="25">
      <t>シャ</t>
    </rPh>
    <phoneticPr fontId="2"/>
  </si>
  <si>
    <t>　　の員数が基準に満たない場合による減算</t>
    <rPh sb="9" eb="10">
      <t>ミ</t>
    </rPh>
    <rPh sb="13" eb="15">
      <t>バアイ</t>
    </rPh>
    <rPh sb="18" eb="20">
      <t>ゲンザン</t>
    </rPh>
    <phoneticPr fontId="2"/>
  </si>
  <si>
    <t>　　よる減算</t>
    <phoneticPr fontId="2"/>
  </si>
  <si>
    <t xml:space="preserve"> 共同生活住居の名称等</t>
    <rPh sb="1" eb="3">
      <t>キョウドウ</t>
    </rPh>
    <rPh sb="3" eb="5">
      <t>セイカツ</t>
    </rPh>
    <rPh sb="5" eb="7">
      <t>ジュウキョ</t>
    </rPh>
    <rPh sb="8" eb="11">
      <t>メイショウトウ</t>
    </rPh>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防火戸・防火シャッター</t>
    <rPh sb="0" eb="2">
      <t>ボウカ</t>
    </rPh>
    <rPh sb="2" eb="3">
      <t>ト</t>
    </rPh>
    <rPh sb="4" eb="6">
      <t>ボウカ</t>
    </rPh>
    <phoneticPr fontId="2"/>
  </si>
  <si>
    <t>指定障害福祉サービス事業 実地指導提出資料　</t>
    <rPh sb="0" eb="2">
      <t>シテイ</t>
    </rPh>
    <rPh sb="2" eb="4">
      <t>ショウガイ</t>
    </rPh>
    <rPh sb="4" eb="6">
      <t>フクシ</t>
    </rPh>
    <rPh sb="10" eb="12">
      <t>ジギョウ</t>
    </rPh>
    <rPh sb="13" eb="15">
      <t>ジッチ</t>
    </rPh>
    <rPh sb="15" eb="17">
      <t>シドウ</t>
    </rPh>
    <rPh sb="17" eb="19">
      <t>テイシュツ</t>
    </rPh>
    <rPh sb="19" eb="21">
      <t>シリョウ</t>
    </rPh>
    <phoneticPr fontId="2"/>
  </si>
  <si>
    <t>別紙</t>
    <rPh sb="0" eb="2">
      <t>ベッシ</t>
    </rPh>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単位：円）</t>
  </si>
  <si>
    <t>項目</t>
  </si>
  <si>
    <t>Ａ</t>
  </si>
  <si>
    <t>Ｂ</t>
  </si>
  <si>
    <t>Ｃ</t>
  </si>
  <si>
    <t>Ｄ</t>
  </si>
  <si>
    <t>Ｅ</t>
  </si>
  <si>
    <t>Ｆ</t>
  </si>
  <si>
    <t>Ｇ</t>
  </si>
  <si>
    <t>家賃</t>
  </si>
  <si>
    <t>食材料費</t>
  </si>
  <si>
    <t>光熱水費</t>
  </si>
  <si>
    <t>日用品費</t>
  </si>
  <si>
    <t>　　(2) (1)以外で金銭の支払を受けているものがあれば、具体的に記載してください。</t>
    <phoneticPr fontId="2"/>
  </si>
  <si>
    <t>（       年   月   日記載）</t>
    <rPh sb="8" eb="9">
      <t>ネン</t>
    </rPh>
    <rPh sb="12" eb="13">
      <t>ガツ</t>
    </rPh>
    <rPh sb="16" eb="17">
      <t>ニチ</t>
    </rPh>
    <rPh sb="17" eb="19">
      <t>キサイ</t>
    </rPh>
    <phoneticPr fontId="2"/>
  </si>
  <si>
    <t>あり</t>
    <phoneticPr fontId="2"/>
  </si>
  <si>
    <t>なし</t>
    <phoneticPr fontId="2"/>
  </si>
  <si>
    <t>　(5) 重度障害者支援加算</t>
    <rPh sb="5" eb="7">
      <t>ジュウド</t>
    </rPh>
    <rPh sb="7" eb="10">
      <t>ショウガイシャ</t>
    </rPh>
    <rPh sb="10" eb="12">
      <t>シエン</t>
    </rPh>
    <rPh sb="12" eb="14">
      <t>カサン</t>
    </rPh>
    <phoneticPr fontId="2"/>
  </si>
  <si>
    <t>【日中サービス支援型共同生活援助】</t>
    <rPh sb="1" eb="3">
      <t>ニッチュウ</t>
    </rPh>
    <rPh sb="7" eb="9">
      <t>シエン</t>
    </rPh>
    <rPh sb="9" eb="10">
      <t>ガタ</t>
    </rPh>
    <rPh sb="10" eb="12">
      <t>キョウドウ</t>
    </rPh>
    <rPh sb="12" eb="14">
      <t>セイカツ</t>
    </rPh>
    <rPh sb="14" eb="16">
      <t>エンジョ</t>
    </rPh>
    <phoneticPr fontId="2"/>
  </si>
  <si>
    <t>　(3) 看護職員配置加算</t>
    <rPh sb="5" eb="7">
      <t>カンゴ</t>
    </rPh>
    <rPh sb="7" eb="9">
      <t>ショクイン</t>
    </rPh>
    <rPh sb="9" eb="11">
      <t>ハイチ</t>
    </rPh>
    <rPh sb="11" eb="13">
      <t>カサン</t>
    </rPh>
    <phoneticPr fontId="2"/>
  </si>
  <si>
    <t xml:space="preserve">  (4) 夜勤職員加配加算</t>
    <rPh sb="6" eb="8">
      <t>ヤキン</t>
    </rPh>
    <rPh sb="8" eb="10">
      <t>ショクイン</t>
    </rPh>
    <rPh sb="10" eb="12">
      <t>カハイ</t>
    </rPh>
    <rPh sb="12" eb="14">
      <t>カサン</t>
    </rPh>
    <phoneticPr fontId="2"/>
  </si>
  <si>
    <t>★　次の資料を添付し、送付してください。</t>
    <rPh sb="2" eb="3">
      <t>ツギ</t>
    </rPh>
    <rPh sb="4" eb="6">
      <t>シリョウ</t>
    </rPh>
    <rPh sb="7" eb="9">
      <t>テンプ</t>
    </rPh>
    <rPh sb="11" eb="13">
      <t>ソウフ</t>
    </rPh>
    <phoneticPr fontId="2"/>
  </si>
  <si>
    <t>【共同生活援助】（報酬編）</t>
    <phoneticPr fontId="2"/>
  </si>
  <si>
    <t>○</t>
    <phoneticPr fontId="2"/>
  </si>
  <si>
    <t>契約書（様式）</t>
    <rPh sb="0" eb="3">
      <t>ケイヤクショ</t>
    </rPh>
    <rPh sb="4" eb="6">
      <t>ヨウシキ</t>
    </rPh>
    <phoneticPr fontId="2"/>
  </si>
  <si>
    <t>重要事項説明書（様式）</t>
    <rPh sb="0" eb="2">
      <t>ジュウヨウ</t>
    </rPh>
    <rPh sb="2" eb="4">
      <t>ジコウ</t>
    </rPh>
    <rPh sb="4" eb="7">
      <t>セツメイショ</t>
    </rPh>
    <rPh sb="8" eb="10">
      <t>ヨウシキ</t>
    </rPh>
    <phoneticPr fontId="2"/>
  </si>
  <si>
    <t>運営規程</t>
    <rPh sb="0" eb="2">
      <t>ウンエイ</t>
    </rPh>
    <rPh sb="2" eb="4">
      <t>キテイ</t>
    </rPh>
    <phoneticPr fontId="2"/>
  </si>
  <si>
    <t>○</t>
    <phoneticPr fontId="2"/>
  </si>
  <si>
    <t>共同生活援助計画（氏名等個人を特定するものは消してください。）</t>
    <rPh sb="0" eb="2">
      <t>キョウドウ</t>
    </rPh>
    <rPh sb="2" eb="4">
      <t>セイカツ</t>
    </rPh>
    <rPh sb="4" eb="6">
      <t>エンジョ</t>
    </rPh>
    <phoneticPr fontId="2"/>
  </si>
  <si>
    <t>○</t>
    <phoneticPr fontId="2"/>
  </si>
  <si>
    <t>アセスメント票（様式）</t>
    <rPh sb="6" eb="7">
      <t>ヒョウ</t>
    </rPh>
    <rPh sb="8" eb="10">
      <t>ヨウシキ</t>
    </rPh>
    <phoneticPr fontId="2"/>
  </si>
  <si>
    <t>職員の一覧表</t>
    <rPh sb="0" eb="2">
      <t>ショクイン</t>
    </rPh>
    <rPh sb="3" eb="5">
      <t>イチラン</t>
    </rPh>
    <rPh sb="5" eb="6">
      <t>ヒョウ</t>
    </rPh>
    <phoneticPr fontId="2"/>
  </si>
  <si>
    <t>○</t>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今年度指定障害福祉サービス事業者等自己点検シート</t>
    <rPh sb="0" eb="3">
      <t>コンネンド</t>
    </rPh>
    <phoneticPr fontId="2"/>
  </si>
  <si>
    <t>【共同生活援助（日中サービス支援型）】（運営編）</t>
    <rPh sb="8" eb="10">
      <t>ニッチュウ</t>
    </rPh>
    <rPh sb="14" eb="16">
      <t>シエン</t>
    </rPh>
    <phoneticPr fontId="2"/>
  </si>
  <si>
    <t>　(1) 家賃、光熱水費、食材料費、日用品費など利用者等に求めている金銭の支払について</t>
    <phoneticPr fontId="2"/>
  </si>
  <si>
    <t>電子メールアドレス</t>
    <rPh sb="0" eb="2">
      <t>デンシ</t>
    </rPh>
    <phoneticPr fontId="2"/>
  </si>
  <si>
    <t>５　指定事業所番号</t>
    <rPh sb="2" eb="4">
      <t>シテイ</t>
    </rPh>
    <rPh sb="4" eb="7">
      <t>ジギョウショ</t>
    </rPh>
    <rPh sb="7" eb="9">
      <t>バンゴウ</t>
    </rPh>
    <phoneticPr fontId="2"/>
  </si>
  <si>
    <t>６  管理者の氏名</t>
    <rPh sb="3" eb="5">
      <t>カンリ</t>
    </rPh>
    <rPh sb="5" eb="6">
      <t>シャ</t>
    </rPh>
    <rPh sb="7" eb="9">
      <t>シメイ</t>
    </rPh>
    <phoneticPr fontId="2"/>
  </si>
  <si>
    <t>７  サービス管理責任者</t>
    <rPh sb="7" eb="9">
      <t>カンリ</t>
    </rPh>
    <rPh sb="9" eb="11">
      <t>セキニン</t>
    </rPh>
    <rPh sb="11" eb="12">
      <t>シャ</t>
    </rPh>
    <phoneticPr fontId="2"/>
  </si>
  <si>
    <t>８　従業者の員数</t>
    <rPh sb="2" eb="4">
      <t>ジュウギョウ</t>
    </rPh>
    <rPh sb="4" eb="5">
      <t>シャ</t>
    </rPh>
    <rPh sb="6" eb="8">
      <t>インスウ</t>
    </rPh>
    <phoneticPr fontId="2"/>
  </si>
  <si>
    <t>９　入居定員</t>
    <rPh sb="2" eb="4">
      <t>ニュウキョ</t>
    </rPh>
    <rPh sb="4" eb="6">
      <t>テイイン</t>
    </rPh>
    <phoneticPr fontId="2"/>
  </si>
  <si>
    <t>10　協力医療機関</t>
    <rPh sb="3" eb="5">
      <t>キョウリョク</t>
    </rPh>
    <rPh sb="5" eb="7">
      <t>イリョウ</t>
    </rPh>
    <rPh sb="7" eb="9">
      <t>キカン</t>
    </rPh>
    <phoneticPr fontId="2"/>
  </si>
  <si>
    <t>11　各加算についての有無を記載してください。</t>
    <phoneticPr fontId="2"/>
  </si>
  <si>
    <t>12　減算についての有無を記載してください。</t>
    <rPh sb="3" eb="4">
      <t>ゲン</t>
    </rPh>
    <phoneticPr fontId="2"/>
  </si>
  <si>
    <t>13　家賃、光熱水費、食材料費、日用品費等について</t>
    <rPh sb="20" eb="21">
      <t>ナド</t>
    </rPh>
    <phoneticPr fontId="2"/>
  </si>
  <si>
    <t>14　建物の延べ床面積は何㎡ですか。複数建物がある場合は、それぞれ記載してください。</t>
    <rPh sb="3" eb="5">
      <t>タテモノ</t>
    </rPh>
    <rPh sb="6" eb="7">
      <t>ノ</t>
    </rPh>
    <rPh sb="8" eb="9">
      <t>ユカ</t>
    </rPh>
    <rPh sb="9" eb="11">
      <t>メンセキ</t>
    </rPh>
    <rPh sb="12" eb="13">
      <t>ナン</t>
    </rPh>
    <phoneticPr fontId="2"/>
  </si>
  <si>
    <t>15　防火設備等の状況について</t>
    <phoneticPr fontId="2"/>
  </si>
  <si>
    <t>16　防火管理者の責務について</t>
    <rPh sb="3" eb="5">
      <t>ボウカ</t>
    </rPh>
    <rPh sb="5" eb="8">
      <t>カンリシャ</t>
    </rPh>
    <rPh sb="9" eb="11">
      <t>セキム</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17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8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あり(Ⅰ・Ⅱ)</t>
    <phoneticPr fontId="2"/>
  </si>
  <si>
    <t xml:space="preserve">  (6) 医療的ケア対応支援加算</t>
    <phoneticPr fontId="2"/>
  </si>
  <si>
    <t>あり（Ⅱ）</t>
    <phoneticPr fontId="2"/>
  </si>
  <si>
    <r>
      <t>あり</t>
    </r>
    <r>
      <rPr>
        <sz val="8"/>
        <rFont val="ＭＳ 明朝"/>
        <family val="1"/>
        <charset val="128"/>
      </rPr>
      <t>(Ⅰ・Ⅱ・Ⅲ・Ⅳ・Ⅴ・Ⅵ・Ⅶ)</t>
    </r>
    <phoneticPr fontId="2"/>
  </si>
  <si>
    <t xml:space="preserve">  (7) 日中支援加算</t>
    <rPh sb="6" eb="8">
      <t>ニッチュウ</t>
    </rPh>
    <rPh sb="8" eb="10">
      <t>シエン</t>
    </rPh>
    <rPh sb="10" eb="12">
      <t>カサン</t>
    </rPh>
    <phoneticPr fontId="2"/>
  </si>
  <si>
    <t xml:space="preserve">  (8) 自立生活支援加算</t>
    <rPh sb="6" eb="8">
      <t>ジリツ</t>
    </rPh>
    <rPh sb="8" eb="10">
      <t>セイカツ</t>
    </rPh>
    <rPh sb="10" eb="12">
      <t>シエン</t>
    </rPh>
    <rPh sb="12" eb="14">
      <t>カサン</t>
    </rPh>
    <phoneticPr fontId="2"/>
  </si>
  <si>
    <t xml:space="preserve">  (9) 入院時支援特別加算</t>
    <rPh sb="6" eb="8">
      <t>ニュウイン</t>
    </rPh>
    <rPh sb="8" eb="9">
      <t>ジ</t>
    </rPh>
    <rPh sb="9" eb="11">
      <t>シエン</t>
    </rPh>
    <rPh sb="11" eb="13">
      <t>トクベツ</t>
    </rPh>
    <rPh sb="13" eb="15">
      <t>カサン</t>
    </rPh>
    <phoneticPr fontId="2"/>
  </si>
  <si>
    <t xml:space="preserve">  (10) 長期入院時支援特別加算</t>
    <rPh sb="7" eb="9">
      <t>チョウキ</t>
    </rPh>
    <rPh sb="9" eb="11">
      <t>ニュウイン</t>
    </rPh>
    <rPh sb="11" eb="12">
      <t>ジ</t>
    </rPh>
    <rPh sb="12" eb="14">
      <t>シエン</t>
    </rPh>
    <rPh sb="14" eb="16">
      <t>トクベツ</t>
    </rPh>
    <rPh sb="16" eb="18">
      <t>カサン</t>
    </rPh>
    <phoneticPr fontId="2"/>
  </si>
  <si>
    <t xml:space="preserve">  (11) 帰宅時支援加算</t>
    <rPh sb="7" eb="10">
      <t>キタクジ</t>
    </rPh>
    <rPh sb="10" eb="12">
      <t>シエン</t>
    </rPh>
    <rPh sb="12" eb="14">
      <t>カサン</t>
    </rPh>
    <phoneticPr fontId="2"/>
  </si>
  <si>
    <t xml:space="preserve">  (12) 長期帰宅時支援加算</t>
    <rPh sb="7" eb="9">
      <t>チョウキ</t>
    </rPh>
    <rPh sb="9" eb="12">
      <t>キタクジ</t>
    </rPh>
    <rPh sb="12" eb="14">
      <t>シエン</t>
    </rPh>
    <rPh sb="14" eb="16">
      <t>カサン</t>
    </rPh>
    <phoneticPr fontId="2"/>
  </si>
  <si>
    <t xml:space="preserve">  (13) 地域生活移行個別支援特別加算</t>
    <rPh sb="7" eb="9">
      <t>チイキ</t>
    </rPh>
    <rPh sb="9" eb="11">
      <t>セイカツ</t>
    </rPh>
    <rPh sb="11" eb="13">
      <t>イコウ</t>
    </rPh>
    <rPh sb="13" eb="15">
      <t>コベツ</t>
    </rPh>
    <rPh sb="15" eb="17">
      <t>シエン</t>
    </rPh>
    <rPh sb="17" eb="19">
      <t>トクベツ</t>
    </rPh>
    <rPh sb="19" eb="21">
      <t>カサン</t>
    </rPh>
    <phoneticPr fontId="2"/>
  </si>
  <si>
    <t xml:space="preserve">  (14) 精神障害者地域移行特別加算</t>
    <rPh sb="7" eb="9">
      <t>セイシン</t>
    </rPh>
    <rPh sb="9" eb="12">
      <t>ショウガイシャ</t>
    </rPh>
    <rPh sb="12" eb="14">
      <t>チイキ</t>
    </rPh>
    <rPh sb="14" eb="16">
      <t>イコウ</t>
    </rPh>
    <rPh sb="16" eb="18">
      <t>トクベツ</t>
    </rPh>
    <rPh sb="18" eb="20">
      <t>カサン</t>
    </rPh>
    <phoneticPr fontId="2"/>
  </si>
  <si>
    <t xml:space="preserve">  (15) 強度行動障害者地域移行特別加算</t>
    <rPh sb="7" eb="9">
      <t>キョウド</t>
    </rPh>
    <rPh sb="9" eb="11">
      <t>コウドウ</t>
    </rPh>
    <rPh sb="11" eb="14">
      <t>ショウガイシャ</t>
    </rPh>
    <rPh sb="14" eb="16">
      <t>チイキ</t>
    </rPh>
    <rPh sb="16" eb="18">
      <t>イコウ</t>
    </rPh>
    <rPh sb="18" eb="20">
      <t>トクベツ</t>
    </rPh>
    <rPh sb="20" eb="22">
      <t>カサン</t>
    </rPh>
    <phoneticPr fontId="2"/>
  </si>
  <si>
    <t xml:space="preserve">  (16) 強度行動障害者体験利用加算</t>
    <phoneticPr fontId="2"/>
  </si>
  <si>
    <t xml:space="preserve">  (17) 医療連携体制加算</t>
    <rPh sb="7" eb="9">
      <t>イリョウ</t>
    </rPh>
    <rPh sb="9" eb="11">
      <t>レンケイ</t>
    </rPh>
    <rPh sb="11" eb="13">
      <t>タイセイ</t>
    </rPh>
    <rPh sb="13" eb="15">
      <t>カサン</t>
    </rPh>
    <phoneticPr fontId="2"/>
  </si>
  <si>
    <t>　(18) 福祉・介護職員処遇改善加算</t>
    <rPh sb="6" eb="8">
      <t>フクシ</t>
    </rPh>
    <rPh sb="9" eb="11">
      <t>カイゴ</t>
    </rPh>
    <rPh sb="11" eb="13">
      <t>ショクイン</t>
    </rPh>
    <rPh sb="13" eb="15">
      <t>ショグウ</t>
    </rPh>
    <rPh sb="15" eb="16">
      <t>カイ</t>
    </rPh>
    <rPh sb="16" eb="17">
      <t>ゼン</t>
    </rPh>
    <rPh sb="17" eb="19">
      <t>カサン</t>
    </rPh>
    <phoneticPr fontId="2"/>
  </si>
  <si>
    <t xml:space="preserve">  (20) 福祉・介護職員等ベースアップ等支援加算</t>
    <phoneticPr fontId="2"/>
  </si>
  <si>
    <r>
      <t>あり(Ⅰ・Ⅱ・Ⅲ</t>
    </r>
    <r>
      <rPr>
        <sz val="12"/>
        <rFont val="ＭＳ 明朝"/>
        <family val="1"/>
        <charset val="128"/>
      </rPr>
      <t>)</t>
    </r>
    <phoneticPr fontId="2"/>
  </si>
  <si>
    <t xml:space="preserve">  (19) 福祉・介護職員等特定処遇改善加算</t>
    <rPh sb="7" eb="9">
      <t>フクシ</t>
    </rPh>
    <rPh sb="10" eb="12">
      <t>カイゴ</t>
    </rPh>
    <rPh sb="12" eb="14">
      <t>ショクイン</t>
    </rPh>
    <rPh sb="14" eb="15">
      <t>トウ</t>
    </rPh>
    <rPh sb="15" eb="17">
      <t>トクテイ</t>
    </rPh>
    <rPh sb="17" eb="19">
      <t>ショグウ</t>
    </rPh>
    <rPh sb="19" eb="21">
      <t>カイゼン</t>
    </rPh>
    <rPh sb="21" eb="23">
      <t>カサン</t>
    </rPh>
    <phoneticPr fontId="2"/>
  </si>
  <si>
    <t>　(4) 身体的拘束廃止未実施減算</t>
    <rPh sb="5" eb="8">
      <t>シンタイテキ</t>
    </rPh>
    <rPh sb="8" eb="10">
      <t>コウソク</t>
    </rPh>
    <rPh sb="10" eb="12">
      <t>ハイシ</t>
    </rPh>
    <rPh sb="12" eb="15">
      <t>ミジッシ</t>
    </rPh>
    <rPh sb="15" eb="17">
      <t>ゲンサン</t>
    </rPh>
    <phoneticPr fontId="2"/>
  </si>
  <si>
    <t>　　　記載してください。利用者により金額が異なる場合は、それぞれ金額を記載してくだ</t>
    <phoneticPr fontId="2"/>
  </si>
  <si>
    <t>　　　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12"/>
      <name val="ＭＳ 明朝"/>
      <family val="1"/>
      <charset val="128"/>
    </font>
    <font>
      <sz val="6"/>
      <name val="ＭＳ Ｐ明朝"/>
      <family val="1"/>
      <charset val="128"/>
    </font>
    <font>
      <b/>
      <sz val="16"/>
      <name val="ＭＳ ゴシック"/>
      <family val="3"/>
      <charset val="128"/>
    </font>
    <font>
      <sz val="16"/>
      <name val="ＭＳ ゴシック"/>
      <family val="3"/>
      <charset val="128"/>
    </font>
    <font>
      <b/>
      <sz val="12"/>
      <name val="ＭＳ 明朝"/>
      <family val="1"/>
      <charset val="128"/>
    </font>
    <font>
      <u/>
      <sz val="12"/>
      <name val="ＭＳ 明朝"/>
      <family val="1"/>
      <charset val="128"/>
    </font>
    <font>
      <sz val="11"/>
      <name val="ＭＳ 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sz val="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2"/>
      <color rgb="FFFF0000"/>
      <name val="ＭＳ 明朝"/>
      <family val="1"/>
      <charset val="128"/>
    </font>
    <font>
      <sz val="12"/>
      <color theme="1"/>
      <name val="ＭＳ 明朝"/>
      <family val="1"/>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29">
    <border>
      <left/>
      <right/>
      <top/>
      <bottom/>
      <diagonal/>
    </border>
    <border>
      <left/>
      <right/>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11" fillId="4" borderId="0" applyNumberFormat="0" applyBorder="0" applyAlignment="0" applyProtection="0">
      <alignment vertical="center"/>
    </xf>
    <xf numFmtId="0" fontId="11" fillId="5" borderId="0" applyNumberFormat="0" applyBorder="0" applyAlignment="0" applyProtection="0">
      <alignment vertical="center"/>
    </xf>
    <xf numFmtId="0" fontId="11" fillId="6" borderId="0" applyNumberFormat="0" applyBorder="0" applyAlignment="0" applyProtection="0">
      <alignment vertical="center"/>
    </xf>
    <xf numFmtId="0" fontId="11" fillId="7" borderId="0" applyNumberFormat="0" applyBorder="0" applyAlignment="0" applyProtection="0">
      <alignment vertical="center"/>
    </xf>
    <xf numFmtId="0" fontId="11" fillId="8"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11" borderId="0" applyNumberFormat="0" applyBorder="0" applyAlignment="0" applyProtection="0">
      <alignment vertical="center"/>
    </xf>
    <xf numFmtId="0" fontId="11" fillId="12" borderId="0" applyNumberFormat="0" applyBorder="0" applyAlignment="0" applyProtection="0">
      <alignment vertical="center"/>
    </xf>
    <xf numFmtId="0" fontId="11" fillId="13" borderId="0" applyNumberFormat="0" applyBorder="0" applyAlignment="0" applyProtection="0">
      <alignment vertical="center"/>
    </xf>
    <xf numFmtId="0" fontId="11" fillId="14" borderId="0" applyNumberFormat="0" applyBorder="0" applyAlignment="0" applyProtection="0">
      <alignment vertical="center"/>
    </xf>
    <xf numFmtId="0" fontId="11" fillId="15" borderId="0" applyNumberFormat="0" applyBorder="0" applyAlignment="0" applyProtection="0">
      <alignment vertical="center"/>
    </xf>
    <xf numFmtId="0" fontId="12" fillId="16" borderId="0" applyNumberFormat="0" applyBorder="0" applyAlignment="0" applyProtection="0">
      <alignment vertical="center"/>
    </xf>
    <xf numFmtId="0" fontId="12" fillId="17" borderId="0" applyNumberFormat="0" applyBorder="0" applyAlignment="0" applyProtection="0">
      <alignment vertical="center"/>
    </xf>
    <xf numFmtId="0" fontId="12" fillId="18" borderId="0" applyNumberFormat="0" applyBorder="0" applyAlignment="0" applyProtection="0">
      <alignment vertical="center"/>
    </xf>
    <xf numFmtId="0" fontId="12" fillId="19" borderId="0" applyNumberFormat="0" applyBorder="0" applyAlignment="0" applyProtection="0">
      <alignment vertical="center"/>
    </xf>
    <xf numFmtId="0" fontId="12" fillId="20" borderId="0" applyNumberFormat="0" applyBorder="0" applyAlignment="0" applyProtection="0">
      <alignment vertical="center"/>
    </xf>
    <xf numFmtId="0" fontId="12" fillId="21" borderId="0" applyNumberFormat="0" applyBorder="0" applyAlignment="0" applyProtection="0">
      <alignment vertical="center"/>
    </xf>
    <xf numFmtId="0" fontId="12" fillId="22" borderId="0" applyNumberFormat="0" applyBorder="0" applyAlignment="0" applyProtection="0">
      <alignment vertical="center"/>
    </xf>
    <xf numFmtId="0" fontId="12" fillId="23" borderId="0" applyNumberFormat="0" applyBorder="0" applyAlignment="0" applyProtection="0">
      <alignment vertical="center"/>
    </xf>
    <xf numFmtId="0" fontId="12" fillId="24" borderId="0" applyNumberFormat="0" applyBorder="0" applyAlignment="0" applyProtection="0">
      <alignment vertical="center"/>
    </xf>
    <xf numFmtId="0" fontId="12" fillId="25" borderId="0" applyNumberFormat="0" applyBorder="0" applyAlignment="0" applyProtection="0">
      <alignment vertical="center"/>
    </xf>
    <xf numFmtId="0" fontId="12" fillId="26" borderId="0" applyNumberFormat="0" applyBorder="0" applyAlignment="0" applyProtection="0">
      <alignment vertical="center"/>
    </xf>
    <xf numFmtId="0" fontId="12" fillId="27" borderId="0" applyNumberFormat="0" applyBorder="0" applyAlignment="0" applyProtection="0">
      <alignment vertical="center"/>
    </xf>
    <xf numFmtId="0" fontId="17" fillId="0" borderId="0" applyNumberFormat="0" applyFill="0" applyBorder="0" applyAlignment="0" applyProtection="0">
      <alignment vertical="center"/>
    </xf>
    <xf numFmtId="0" fontId="13" fillId="28" borderId="20" applyNumberFormat="0" applyAlignment="0" applyProtection="0">
      <alignment vertical="center"/>
    </xf>
    <xf numFmtId="0" fontId="18" fillId="29" borderId="0" applyNumberFormat="0" applyBorder="0" applyAlignment="0" applyProtection="0">
      <alignment vertical="center"/>
    </xf>
    <xf numFmtId="0" fontId="1" fillId="2" borderId="21" applyNumberFormat="0" applyFont="0" applyAlignment="0" applyProtection="0">
      <alignment vertical="center"/>
    </xf>
    <xf numFmtId="0" fontId="19" fillId="0" borderId="22" applyNumberFormat="0" applyFill="0" applyAlignment="0" applyProtection="0">
      <alignment vertical="center"/>
    </xf>
    <xf numFmtId="0" fontId="20" fillId="30" borderId="0" applyNumberFormat="0" applyBorder="0" applyAlignment="0" applyProtection="0">
      <alignment vertical="center"/>
    </xf>
    <xf numFmtId="0" fontId="21" fillId="31" borderId="23" applyNumberFormat="0" applyAlignment="0" applyProtection="0">
      <alignment vertical="center"/>
    </xf>
    <xf numFmtId="0" fontId="14" fillId="0" borderId="0" applyNumberFormat="0" applyFill="0" applyBorder="0" applyAlignment="0" applyProtection="0">
      <alignment vertical="center"/>
    </xf>
    <xf numFmtId="0" fontId="22" fillId="0" borderId="24" applyNumberFormat="0" applyFill="0" applyAlignment="0" applyProtection="0">
      <alignment vertical="center"/>
    </xf>
    <xf numFmtId="0" fontId="23" fillId="0" borderId="25" applyNumberFormat="0" applyFill="0" applyAlignment="0" applyProtection="0">
      <alignment vertical="center"/>
    </xf>
    <xf numFmtId="0" fontId="24" fillId="0" borderId="26" applyNumberFormat="0" applyFill="0" applyAlignment="0" applyProtection="0">
      <alignment vertical="center"/>
    </xf>
    <xf numFmtId="0" fontId="24" fillId="0" borderId="0" applyNumberFormat="0" applyFill="0" applyBorder="0" applyAlignment="0" applyProtection="0">
      <alignment vertical="center"/>
    </xf>
    <xf numFmtId="0" fontId="15" fillId="0" borderId="27" applyNumberFormat="0" applyFill="0" applyAlignment="0" applyProtection="0">
      <alignment vertical="center"/>
    </xf>
    <xf numFmtId="0" fontId="25" fillId="31" borderId="28" applyNumberFormat="0" applyAlignment="0" applyProtection="0">
      <alignment vertical="center"/>
    </xf>
    <xf numFmtId="0" fontId="26" fillId="0" borderId="0" applyNumberFormat="0" applyFill="0" applyBorder="0" applyAlignment="0" applyProtection="0">
      <alignment vertical="center"/>
    </xf>
    <xf numFmtId="0" fontId="27" fillId="3" borderId="23" applyNumberFormat="0" applyAlignment="0" applyProtection="0">
      <alignment vertical="center"/>
    </xf>
    <xf numFmtId="0" fontId="1" fillId="0" borderId="0"/>
    <xf numFmtId="0" fontId="28" fillId="32" borderId="0" applyNumberFormat="0" applyBorder="0" applyAlignment="0" applyProtection="0">
      <alignment vertical="center"/>
    </xf>
  </cellStyleXfs>
  <cellXfs count="75">
    <xf numFmtId="0" fontId="0" fillId="0" borderId="0" xfId="0" applyAlignment="1"/>
    <xf numFmtId="0" fontId="4" fillId="0" borderId="0" xfId="0" applyFont="1" applyAlignment="1">
      <alignment vertical="center"/>
    </xf>
    <xf numFmtId="0" fontId="4" fillId="0" borderId="0" xfId="0" applyFont="1" applyBorder="1" applyAlignment="1">
      <alignment horizontal="left" vertical="center"/>
    </xf>
    <xf numFmtId="0" fontId="4" fillId="0" borderId="0" xfId="0" applyFont="1" applyBorder="1" applyAlignment="1">
      <alignment vertical="center"/>
    </xf>
    <xf numFmtId="0" fontId="4" fillId="0" borderId="1" xfId="0" applyFont="1" applyBorder="1" applyAlignment="1">
      <alignment vertical="center"/>
    </xf>
    <xf numFmtId="0" fontId="4" fillId="0" borderId="1" xfId="0" applyFont="1" applyBorder="1" applyAlignment="1">
      <alignment horizontal="right" vertical="center"/>
    </xf>
    <xf numFmtId="0" fontId="4" fillId="0" borderId="2" xfId="0" applyFont="1" applyBorder="1" applyAlignment="1">
      <alignment vertical="center"/>
    </xf>
    <xf numFmtId="0" fontId="4" fillId="0" borderId="0" xfId="0" applyFont="1" applyBorder="1" applyAlignment="1">
      <alignment horizontal="right" vertical="center"/>
    </xf>
    <xf numFmtId="0" fontId="4" fillId="0" borderId="3" xfId="0" applyFont="1" applyFill="1" applyBorder="1" applyAlignment="1">
      <alignment vertical="center"/>
    </xf>
    <xf numFmtId="0" fontId="4" fillId="0" borderId="4" xfId="0" applyFont="1" applyFill="1" applyBorder="1" applyAlignment="1">
      <alignment vertical="center"/>
    </xf>
    <xf numFmtId="0" fontId="4" fillId="0" borderId="5" xfId="0" applyFont="1" applyFill="1" applyBorder="1" applyAlignment="1">
      <alignment vertical="center"/>
    </xf>
    <xf numFmtId="0" fontId="4" fillId="0" borderId="3" xfId="0" applyFont="1" applyFill="1" applyBorder="1" applyAlignment="1">
      <alignment horizontal="left" vertical="center"/>
    </xf>
    <xf numFmtId="0" fontId="4" fillId="0" borderId="4" xfId="0" applyFont="1" applyFill="1" applyBorder="1" applyAlignment="1">
      <alignment horizontal="left" vertical="center"/>
    </xf>
    <xf numFmtId="0" fontId="4" fillId="0" borderId="5" xfId="0" applyFont="1" applyFill="1" applyBorder="1" applyAlignment="1">
      <alignment horizontal="left" vertical="center"/>
    </xf>
    <xf numFmtId="0" fontId="4" fillId="0" borderId="0" xfId="0" applyFont="1" applyFill="1" applyAlignment="1">
      <alignment vertical="center"/>
    </xf>
    <xf numFmtId="0" fontId="4" fillId="0" borderId="1" xfId="0" applyFont="1" applyFill="1" applyBorder="1" applyAlignment="1">
      <alignment vertical="center"/>
    </xf>
    <xf numFmtId="0" fontId="9" fillId="0" borderId="1" xfId="0" applyFont="1" applyFill="1" applyBorder="1" applyAlignment="1">
      <alignment vertical="center"/>
    </xf>
    <xf numFmtId="0" fontId="4" fillId="0" borderId="0" xfId="0" applyFont="1" applyFill="1" applyBorder="1" applyAlignment="1">
      <alignment vertical="center"/>
    </xf>
    <xf numFmtId="0" fontId="9" fillId="0" borderId="0" xfId="0" applyFont="1" applyFill="1" applyBorder="1" applyAlignment="1">
      <alignment vertical="center"/>
    </xf>
    <xf numFmtId="0" fontId="4" fillId="0" borderId="0" xfId="0" applyFont="1" applyFill="1" applyAlignment="1"/>
    <xf numFmtId="0" fontId="7" fillId="0" borderId="0" xfId="0" applyFont="1" applyFill="1" applyAlignment="1">
      <alignment vertical="center"/>
    </xf>
    <xf numFmtId="0" fontId="6" fillId="0" borderId="0" xfId="0" applyFont="1" applyFill="1" applyAlignment="1">
      <alignment vertical="center"/>
    </xf>
    <xf numFmtId="0" fontId="6" fillId="0" borderId="0" xfId="0" applyFont="1" applyFill="1" applyAlignment="1">
      <alignment horizontal="right" vertical="center"/>
    </xf>
    <xf numFmtId="0" fontId="8" fillId="0" borderId="0" xfId="0" applyFont="1" applyFill="1" applyAlignment="1">
      <alignment vertical="center"/>
    </xf>
    <xf numFmtId="0" fontId="4" fillId="0" borderId="0" xfId="0" applyFont="1" applyFill="1" applyAlignment="1">
      <alignment horizontal="right" vertical="center"/>
    </xf>
    <xf numFmtId="0" fontId="4" fillId="0" borderId="2" xfId="0" applyFont="1" applyFill="1" applyBorder="1" applyAlignment="1">
      <alignment vertical="center"/>
    </xf>
    <xf numFmtId="0" fontId="10" fillId="0" borderId="0" xfId="0" applyFont="1" applyFill="1" applyAlignment="1">
      <alignment vertical="center"/>
    </xf>
    <xf numFmtId="0" fontId="10" fillId="0" borderId="0" xfId="0" applyFont="1" applyFill="1" applyBorder="1" applyAlignment="1">
      <alignment vertical="center"/>
    </xf>
    <xf numFmtId="0" fontId="4" fillId="0" borderId="0" xfId="0" applyFont="1" applyFill="1" applyBorder="1" applyAlignment="1">
      <alignment vertical="center" shrinkToFit="1"/>
    </xf>
    <xf numFmtId="0" fontId="4" fillId="0" borderId="1" xfId="0" applyFont="1" applyFill="1" applyBorder="1" applyAlignment="1">
      <alignment horizontal="right" vertical="center"/>
    </xf>
    <xf numFmtId="0" fontId="4" fillId="0" borderId="0" xfId="0" applyFont="1" applyFill="1" applyBorder="1" applyAlignment="1">
      <alignment horizontal="right" vertical="center"/>
    </xf>
    <xf numFmtId="0" fontId="4" fillId="0" borderId="0" xfId="0" applyFont="1" applyFill="1" applyAlignment="1">
      <alignment horizontal="center" vertical="center"/>
    </xf>
    <xf numFmtId="0" fontId="14" fillId="0" borderId="0" xfId="0" applyFont="1" applyFill="1" applyAlignment="1">
      <alignment vertical="center"/>
    </xf>
    <xf numFmtId="0" fontId="4" fillId="0" borderId="0" xfId="0" applyFont="1" applyFill="1" applyBorder="1" applyAlignment="1"/>
    <xf numFmtId="0" fontId="4" fillId="0" borderId="6" xfId="0" applyFont="1" applyFill="1" applyBorder="1" applyAlignment="1">
      <alignment vertical="center"/>
    </xf>
    <xf numFmtId="0" fontId="4" fillId="0" borderId="7" xfId="0" applyFont="1" applyFill="1" applyBorder="1" applyAlignment="1">
      <alignment vertical="center"/>
    </xf>
    <xf numFmtId="0" fontId="4" fillId="0" borderId="8" xfId="0" applyFont="1" applyFill="1" applyBorder="1" applyAlignment="1">
      <alignment vertical="center"/>
    </xf>
    <xf numFmtId="0" fontId="4" fillId="0" borderId="9" xfId="0" applyFont="1" applyFill="1" applyBorder="1" applyAlignment="1">
      <alignment vertical="center"/>
    </xf>
    <xf numFmtId="0" fontId="4" fillId="0" borderId="10" xfId="0" applyFont="1" applyFill="1" applyBorder="1" applyAlignment="1">
      <alignment vertical="center"/>
    </xf>
    <xf numFmtId="0" fontId="4" fillId="0" borderId="11" xfId="0" applyFont="1" applyFill="1" applyBorder="1" applyAlignment="1">
      <alignment vertical="center"/>
    </xf>
    <xf numFmtId="0" fontId="10" fillId="0" borderId="12" xfId="0" applyFont="1" applyFill="1" applyBorder="1" applyAlignment="1">
      <alignment vertical="center"/>
    </xf>
    <xf numFmtId="0" fontId="4" fillId="0" borderId="13" xfId="0" applyFont="1" applyFill="1" applyBorder="1" applyAlignment="1">
      <alignment vertical="center"/>
    </xf>
    <xf numFmtId="0" fontId="4" fillId="0" borderId="14" xfId="0" applyFont="1" applyFill="1" applyBorder="1" applyAlignment="1">
      <alignment vertical="center"/>
    </xf>
    <xf numFmtId="0" fontId="10" fillId="0" borderId="15" xfId="0" applyFont="1" applyFill="1" applyBorder="1" applyAlignment="1">
      <alignment vertical="center"/>
    </xf>
    <xf numFmtId="0" fontId="4" fillId="0" borderId="16" xfId="0" applyFont="1" applyFill="1" applyBorder="1" applyAlignment="1">
      <alignment vertical="center"/>
    </xf>
    <xf numFmtId="0" fontId="4" fillId="0" borderId="17" xfId="0" applyFont="1" applyFill="1" applyBorder="1" applyAlignment="1">
      <alignment vertical="center"/>
    </xf>
    <xf numFmtId="49" fontId="4" fillId="0" borderId="0" xfId="0" applyNumberFormat="1" applyFont="1" applyFill="1" applyAlignment="1">
      <alignment horizontal="left" vertical="center"/>
    </xf>
    <xf numFmtId="0" fontId="4" fillId="0" borderId="13" xfId="0" applyFont="1" applyFill="1" applyBorder="1" applyAlignment="1">
      <alignment horizontal="center" vertical="center" shrinkToFit="1"/>
    </xf>
    <xf numFmtId="0" fontId="4" fillId="0" borderId="13" xfId="0" applyFont="1" applyFill="1" applyBorder="1" applyAlignment="1">
      <alignment horizontal="center" vertical="center"/>
    </xf>
    <xf numFmtId="49" fontId="4" fillId="0" borderId="0" xfId="0" applyNumberFormat="1" applyFont="1" applyFill="1" applyAlignment="1">
      <alignment horizontal="right" vertical="center"/>
    </xf>
    <xf numFmtId="0" fontId="0" fillId="0" borderId="0" xfId="0" applyFont="1" applyFill="1" applyBorder="1" applyAlignment="1">
      <alignment vertical="center" wrapText="1"/>
    </xf>
    <xf numFmtId="0" fontId="0" fillId="0" borderId="0" xfId="0" applyFont="1" applyFill="1" applyBorder="1" applyAlignment="1">
      <alignment horizontal="left" vertical="top" wrapText="1"/>
    </xf>
    <xf numFmtId="0" fontId="0" fillId="0" borderId="0" xfId="0" applyFont="1" applyFill="1" applyAlignment="1"/>
    <xf numFmtId="0" fontId="4" fillId="0" borderId="0" xfId="41" applyFont="1" applyFill="1" applyAlignment="1">
      <alignment vertical="center"/>
    </xf>
    <xf numFmtId="0" fontId="4" fillId="0" borderId="0" xfId="41" applyFont="1" applyFill="1" applyBorder="1" applyAlignment="1">
      <alignment vertical="center"/>
    </xf>
    <xf numFmtId="0" fontId="4" fillId="0" borderId="3" xfId="0" applyFont="1" applyFill="1" applyBorder="1" applyAlignment="1">
      <alignment horizontal="left" vertical="center" shrinkToFit="1"/>
    </xf>
    <xf numFmtId="0" fontId="4" fillId="0" borderId="4" xfId="0" applyFont="1" applyFill="1" applyBorder="1" applyAlignment="1">
      <alignment horizontal="left" vertical="center" shrinkToFit="1"/>
    </xf>
    <xf numFmtId="0" fontId="4" fillId="0" borderId="5" xfId="0" applyFont="1" applyFill="1" applyBorder="1" applyAlignment="1">
      <alignment horizontal="left" vertical="center" shrinkToFit="1"/>
    </xf>
    <xf numFmtId="0" fontId="4" fillId="0" borderId="18" xfId="0" applyFont="1" applyFill="1" applyBorder="1" applyAlignment="1">
      <alignment horizontal="center" vertical="center" textRotation="255"/>
    </xf>
    <xf numFmtId="0" fontId="4" fillId="0" borderId="19" xfId="0" applyFont="1" applyFill="1" applyBorder="1" applyAlignment="1">
      <alignment horizontal="center" vertical="center" textRotation="255"/>
    </xf>
    <xf numFmtId="0" fontId="4" fillId="0" borderId="10" xfId="0" applyFont="1" applyFill="1" applyBorder="1" applyAlignment="1">
      <alignment horizontal="center" vertical="center" textRotation="255"/>
    </xf>
    <xf numFmtId="0" fontId="4" fillId="0" borderId="3" xfId="0" applyFont="1" applyFill="1" applyBorder="1" applyAlignment="1">
      <alignment horizontal="center" vertical="center" shrinkToFit="1"/>
    </xf>
    <xf numFmtId="0" fontId="4" fillId="0" borderId="4" xfId="0" applyFont="1" applyFill="1" applyBorder="1" applyAlignment="1">
      <alignment horizontal="center" vertical="center" shrinkToFit="1"/>
    </xf>
    <xf numFmtId="0" fontId="4" fillId="0" borderId="5" xfId="0" applyFont="1" applyFill="1" applyBorder="1" applyAlignment="1">
      <alignment horizontal="center" vertical="center" shrinkToFit="1"/>
    </xf>
    <xf numFmtId="0" fontId="4" fillId="0" borderId="0" xfId="41" applyFont="1" applyFill="1" applyAlignment="1">
      <alignment vertical="center"/>
    </xf>
    <xf numFmtId="0" fontId="4" fillId="0" borderId="3"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5" xfId="0" applyFont="1" applyFill="1" applyBorder="1" applyAlignment="1">
      <alignment horizontal="center" vertical="center"/>
    </xf>
    <xf numFmtId="0" fontId="6" fillId="0" borderId="0" xfId="0" applyFont="1" applyFill="1" applyAlignment="1">
      <alignment horizontal="center" vertical="center"/>
    </xf>
    <xf numFmtId="0" fontId="4" fillId="0" borderId="0" xfId="0" applyFont="1" applyFill="1" applyAlignment="1">
      <alignment horizontal="center" vertical="center"/>
    </xf>
    <xf numFmtId="0" fontId="4" fillId="0" borderId="18" xfId="0" applyFont="1" applyFill="1" applyBorder="1" applyAlignment="1">
      <alignment horizontal="center" vertical="center" textRotation="255" shrinkToFit="1"/>
    </xf>
    <xf numFmtId="0" fontId="4" fillId="0" borderId="19" xfId="0" applyFont="1" applyFill="1" applyBorder="1" applyAlignment="1">
      <alignment horizontal="center" vertical="center" textRotation="255" shrinkToFit="1"/>
    </xf>
    <xf numFmtId="0" fontId="4" fillId="0" borderId="10" xfId="0" applyFont="1" applyFill="1" applyBorder="1" applyAlignment="1">
      <alignment horizontal="center" vertical="center" textRotation="255" shrinkToFit="1"/>
    </xf>
    <xf numFmtId="0" fontId="29" fillId="0" borderId="0" xfId="0" applyFont="1" applyFill="1" applyAlignment="1">
      <alignment vertical="center"/>
    </xf>
    <xf numFmtId="0" fontId="30" fillId="0" borderId="0" xfId="0" applyFont="1" applyFill="1" applyAlignment="1">
      <alignment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91"/>
  <sheetViews>
    <sheetView tabSelected="1" view="pageBreakPreview" zoomScaleNormal="100" zoomScaleSheetLayoutView="100" workbookViewId="0">
      <selection activeCell="H97" sqref="H97"/>
    </sheetView>
  </sheetViews>
  <sheetFormatPr defaultColWidth="9" defaultRowHeight="13"/>
  <cols>
    <col min="1" max="1" width="9" style="52" customWidth="1"/>
    <col min="2" max="9" width="9" style="52"/>
    <col min="10" max="12" width="9" style="52" customWidth="1"/>
    <col min="13" max="16384" width="9" style="52"/>
  </cols>
  <sheetData>
    <row r="1" spans="1:10" s="20" customFormat="1" ht="19">
      <c r="A1" s="68" t="s">
        <v>86</v>
      </c>
      <c r="B1" s="68"/>
      <c r="C1" s="68"/>
      <c r="D1" s="68"/>
      <c r="E1" s="68"/>
      <c r="F1" s="68"/>
      <c r="G1" s="68"/>
      <c r="H1" s="68"/>
      <c r="I1" s="68"/>
      <c r="J1" s="68"/>
    </row>
    <row r="2" spans="1:10" s="20" customFormat="1" ht="19">
      <c r="A2" s="21"/>
      <c r="J2" s="22" t="s">
        <v>109</v>
      </c>
    </row>
    <row r="3" spans="1:10" s="14" customFormat="1" ht="14.25" customHeight="1">
      <c r="A3" s="23"/>
      <c r="J3" s="24" t="s">
        <v>105</v>
      </c>
    </row>
    <row r="4" spans="1:10" s="14" customFormat="1" ht="14.25" customHeight="1">
      <c r="A4" s="23"/>
      <c r="J4" s="24"/>
    </row>
    <row r="5" spans="1:10" s="14" customFormat="1" ht="14.25" customHeight="1">
      <c r="A5" s="14" t="s">
        <v>0</v>
      </c>
      <c r="D5" s="15"/>
      <c r="E5" s="15"/>
      <c r="F5" s="15"/>
      <c r="G5" s="15"/>
      <c r="H5" s="15"/>
      <c r="I5" s="15"/>
    </row>
    <row r="6" spans="1:10" s="14" customFormat="1" ht="14.25" customHeight="1"/>
    <row r="7" spans="1:10" s="14" customFormat="1" ht="14.25" customHeight="1">
      <c r="A7" s="14" t="s">
        <v>1</v>
      </c>
      <c r="D7" s="15" t="s">
        <v>4</v>
      </c>
      <c r="E7" s="15"/>
      <c r="F7" s="15"/>
      <c r="G7" s="15"/>
      <c r="H7" s="15"/>
      <c r="I7" s="15"/>
    </row>
    <row r="8" spans="1:10" s="14" customFormat="1" ht="14.25" customHeight="1">
      <c r="D8" s="17"/>
      <c r="E8" s="17"/>
      <c r="F8" s="17"/>
      <c r="G8" s="17"/>
      <c r="H8" s="17"/>
      <c r="I8" s="17"/>
    </row>
    <row r="9" spans="1:10" s="14" customFormat="1" ht="14.25" customHeight="1">
      <c r="D9" s="15"/>
      <c r="E9" s="15"/>
      <c r="F9" s="15"/>
      <c r="G9" s="15"/>
      <c r="H9" s="15"/>
      <c r="I9" s="15"/>
    </row>
    <row r="10" spans="1:10" s="14" customFormat="1" ht="14.25" customHeight="1"/>
    <row r="11" spans="1:10" s="14" customFormat="1" ht="14.25" customHeight="1">
      <c r="A11" s="14" t="s">
        <v>54</v>
      </c>
      <c r="D11" s="15"/>
      <c r="E11" s="15"/>
      <c r="F11" s="15"/>
      <c r="G11" s="15"/>
      <c r="H11" s="15"/>
      <c r="I11" s="15"/>
    </row>
    <row r="12" spans="1:10" s="14" customFormat="1" ht="14.25" customHeight="1"/>
    <row r="13" spans="1:10" s="14" customFormat="1" ht="14.25" customHeight="1">
      <c r="A13" s="14" t="s">
        <v>56</v>
      </c>
      <c r="D13" s="15" t="s">
        <v>4</v>
      </c>
      <c r="E13" s="15"/>
      <c r="F13" s="15"/>
      <c r="G13" s="15"/>
      <c r="H13" s="15"/>
      <c r="I13" s="15"/>
    </row>
    <row r="14" spans="1:10" s="14" customFormat="1" ht="14.25" customHeight="1">
      <c r="A14" s="14" t="s">
        <v>55</v>
      </c>
      <c r="D14" s="17"/>
      <c r="E14" s="17"/>
      <c r="F14" s="17"/>
      <c r="G14" s="17"/>
      <c r="H14" s="17"/>
      <c r="I14" s="17"/>
    </row>
    <row r="15" spans="1:10" s="14" customFormat="1" ht="14.25" customHeight="1">
      <c r="D15" s="15"/>
      <c r="E15" s="15"/>
      <c r="F15" s="15"/>
      <c r="G15" s="15"/>
      <c r="H15" s="15"/>
      <c r="I15" s="15"/>
    </row>
    <row r="16" spans="1:10" s="14" customFormat="1" ht="14.25" customHeight="1"/>
    <row r="17" spans="1:11" s="14" customFormat="1" ht="14.25" customHeight="1">
      <c r="D17" s="15" t="s">
        <v>5</v>
      </c>
      <c r="E17" s="15"/>
      <c r="F17" s="15"/>
      <c r="G17" s="15"/>
      <c r="H17" s="15"/>
      <c r="I17" s="15"/>
    </row>
    <row r="18" spans="1:11" s="14" customFormat="1" ht="14.25" customHeight="1">
      <c r="D18" s="25"/>
      <c r="E18" s="25"/>
      <c r="F18" s="25"/>
      <c r="G18" s="25"/>
      <c r="H18" s="25"/>
      <c r="I18" s="25"/>
    </row>
    <row r="19" spans="1:11" s="14" customFormat="1" ht="14.25" customHeight="1">
      <c r="D19" s="15" t="s">
        <v>6</v>
      </c>
      <c r="E19" s="15"/>
      <c r="F19" s="15"/>
      <c r="G19" s="15"/>
      <c r="H19" s="15"/>
      <c r="I19" s="15"/>
    </row>
    <row r="20" spans="1:11" s="14" customFormat="1" ht="14.25" customHeight="1"/>
    <row r="21" spans="1:11" s="26" customFormat="1" ht="14.25" customHeight="1">
      <c r="A21" s="14"/>
      <c r="B21" s="14"/>
      <c r="C21" s="14"/>
      <c r="D21" s="15" t="s">
        <v>128</v>
      </c>
      <c r="E21" s="15"/>
      <c r="F21" s="15"/>
      <c r="G21" s="15"/>
      <c r="H21" s="15"/>
      <c r="I21" s="15"/>
      <c r="J21" s="14"/>
      <c r="K21" s="14"/>
    </row>
    <row r="22" spans="1:11" s="27" customFormat="1" ht="14.25" customHeight="1">
      <c r="A22" s="17"/>
      <c r="B22" s="17"/>
      <c r="C22" s="17"/>
      <c r="D22" s="17"/>
      <c r="E22" s="17"/>
      <c r="F22" s="17"/>
      <c r="G22" s="17"/>
      <c r="H22" s="17"/>
      <c r="I22" s="17"/>
      <c r="J22" s="17"/>
      <c r="K22" s="17"/>
    </row>
    <row r="23" spans="1:11" s="27" customFormat="1" ht="14.25" customHeight="1">
      <c r="A23" s="17" t="s">
        <v>129</v>
      </c>
      <c r="B23" s="17"/>
      <c r="C23" s="17"/>
      <c r="D23" s="15"/>
      <c r="E23" s="15"/>
      <c r="F23" s="15"/>
      <c r="G23" s="15"/>
      <c r="H23" s="15"/>
      <c r="I23" s="15"/>
      <c r="J23" s="17"/>
      <c r="K23" s="17"/>
    </row>
    <row r="24" spans="1:11" s="14" customFormat="1" ht="14.25" customHeight="1"/>
    <row r="25" spans="1:11" s="14" customFormat="1" ht="14.25" customHeight="1">
      <c r="A25" s="14" t="s">
        <v>130</v>
      </c>
      <c r="D25" s="15"/>
      <c r="E25" s="15"/>
      <c r="F25" s="15"/>
      <c r="G25" s="15"/>
      <c r="H25" s="15"/>
      <c r="I25" s="15"/>
    </row>
    <row r="26" spans="1:11" s="14" customFormat="1" ht="14.25" customHeight="1">
      <c r="D26" s="17"/>
      <c r="E26" s="17"/>
      <c r="F26" s="17"/>
      <c r="G26" s="17"/>
      <c r="H26" s="17"/>
      <c r="I26" s="17"/>
    </row>
    <row r="27" spans="1:11" s="14" customFormat="1" ht="14.25" customHeight="1">
      <c r="A27" s="14" t="s">
        <v>131</v>
      </c>
      <c r="D27" s="15"/>
      <c r="E27" s="15"/>
      <c r="F27" s="15"/>
      <c r="G27" s="15"/>
      <c r="H27" s="15"/>
      <c r="I27" s="15"/>
    </row>
    <row r="28" spans="1:11" s="14" customFormat="1" ht="14.25" customHeight="1">
      <c r="A28" s="14" t="s">
        <v>7</v>
      </c>
      <c r="D28" s="17"/>
      <c r="E28" s="17"/>
      <c r="F28" s="17"/>
      <c r="G28" s="17"/>
      <c r="H28" s="17"/>
      <c r="I28" s="17"/>
    </row>
    <row r="29" spans="1:11" s="14" customFormat="1" ht="14.25" customHeight="1">
      <c r="D29" s="17"/>
      <c r="E29" s="17"/>
      <c r="F29" s="17"/>
      <c r="G29" s="17"/>
      <c r="H29" s="17"/>
      <c r="I29" s="17"/>
    </row>
    <row r="30" spans="1:11" s="14" customFormat="1" ht="14.25" customHeight="1">
      <c r="A30" s="14" t="s">
        <v>132</v>
      </c>
      <c r="D30" s="15"/>
      <c r="E30" s="17" t="s">
        <v>2</v>
      </c>
      <c r="F30" s="17"/>
      <c r="G30" s="17"/>
      <c r="H30" s="17"/>
      <c r="I30" s="17"/>
    </row>
    <row r="31" spans="1:11" s="14" customFormat="1" ht="14.25" customHeight="1">
      <c r="D31" s="17"/>
      <c r="E31" s="17"/>
      <c r="F31" s="17"/>
      <c r="G31" s="17"/>
      <c r="H31" s="17"/>
      <c r="I31" s="17"/>
    </row>
    <row r="32" spans="1:11" s="14" customFormat="1" ht="14.25" customHeight="1">
      <c r="D32" s="17" t="s">
        <v>8</v>
      </c>
      <c r="E32" s="17"/>
      <c r="F32" s="17"/>
      <c r="G32" s="17"/>
      <c r="H32" s="17"/>
      <c r="I32" s="17"/>
    </row>
    <row r="33" spans="1:10" s="14" customFormat="1" ht="14.25" customHeight="1">
      <c r="D33" s="17"/>
      <c r="E33" s="17"/>
      <c r="F33" s="17"/>
      <c r="G33" s="17"/>
      <c r="H33" s="17"/>
      <c r="I33" s="17"/>
    </row>
    <row r="34" spans="1:10" s="14" customFormat="1" ht="14.25" customHeight="1">
      <c r="D34" s="17" t="s">
        <v>57</v>
      </c>
      <c r="E34" s="15"/>
      <c r="F34" s="28" t="s">
        <v>59</v>
      </c>
      <c r="G34" s="29" t="s">
        <v>60</v>
      </c>
      <c r="H34" s="30" t="s">
        <v>61</v>
      </c>
      <c r="I34" s="29" t="s">
        <v>60</v>
      </c>
      <c r="J34" s="14" t="s">
        <v>62</v>
      </c>
    </row>
    <row r="35" spans="1:10" s="14" customFormat="1" ht="14.25" customHeight="1">
      <c r="D35" s="17"/>
      <c r="E35" s="17"/>
      <c r="F35" s="17"/>
      <c r="G35" s="17"/>
      <c r="H35" s="17"/>
      <c r="I35" s="17"/>
    </row>
    <row r="36" spans="1:10" s="14" customFormat="1" ht="14.25" customHeight="1">
      <c r="D36" s="28" t="s">
        <v>58</v>
      </c>
      <c r="E36" s="15"/>
      <c r="F36" s="28" t="s">
        <v>59</v>
      </c>
      <c r="G36" s="29" t="s">
        <v>60</v>
      </c>
      <c r="H36" s="30" t="s">
        <v>61</v>
      </c>
      <c r="I36" s="29" t="s">
        <v>60</v>
      </c>
      <c r="J36" s="14" t="s">
        <v>62</v>
      </c>
    </row>
    <row r="37" spans="1:10" s="14" customFormat="1" ht="14.25" customHeight="1">
      <c r="D37" s="17"/>
      <c r="E37" s="17"/>
      <c r="F37" s="17"/>
      <c r="G37" s="17"/>
      <c r="H37" s="17"/>
      <c r="I37" s="17"/>
    </row>
    <row r="38" spans="1:10" s="14" customFormat="1" ht="14.25" customHeight="1">
      <c r="A38" s="14" t="s">
        <v>133</v>
      </c>
      <c r="D38" s="15"/>
      <c r="E38" s="17" t="s">
        <v>2</v>
      </c>
      <c r="F38" s="17"/>
      <c r="G38" s="17"/>
      <c r="H38" s="17"/>
      <c r="I38" s="17"/>
    </row>
    <row r="39" spans="1:10" s="14" customFormat="1" ht="14.25" customHeight="1">
      <c r="D39" s="17"/>
      <c r="E39" s="17"/>
      <c r="F39" s="17"/>
      <c r="G39" s="17"/>
      <c r="H39" s="17"/>
      <c r="I39" s="17"/>
    </row>
    <row r="40" spans="1:10" s="14" customFormat="1" ht="14.25" customHeight="1">
      <c r="A40" s="14" t="s">
        <v>134</v>
      </c>
      <c r="D40" s="15" t="s">
        <v>63</v>
      </c>
      <c r="E40" s="15"/>
      <c r="F40" s="16"/>
      <c r="G40" s="15"/>
      <c r="H40" s="16"/>
      <c r="I40" s="17"/>
    </row>
    <row r="41" spans="1:10" s="17" customFormat="1" ht="14.25" customHeight="1">
      <c r="F41" s="18"/>
      <c r="H41" s="18"/>
    </row>
    <row r="42" spans="1:10" s="14" customFormat="1" ht="14.25" customHeight="1">
      <c r="D42" s="15" t="s">
        <v>64</v>
      </c>
      <c r="E42" s="15"/>
      <c r="F42" s="16"/>
      <c r="G42" s="15"/>
      <c r="H42" s="16"/>
      <c r="I42" s="17"/>
    </row>
    <row r="43" spans="1:10" s="14" customFormat="1" ht="14.25" customHeight="1">
      <c r="D43" s="30"/>
      <c r="E43" s="17"/>
      <c r="F43" s="17"/>
      <c r="G43" s="17"/>
      <c r="H43" s="17"/>
      <c r="I43" s="17"/>
    </row>
    <row r="44" spans="1:10" s="14" customFormat="1" ht="14.25" customHeight="1">
      <c r="A44" s="14" t="s">
        <v>135</v>
      </c>
    </row>
    <row r="45" spans="1:10" s="14" customFormat="1" ht="14.25" customHeight="1">
      <c r="E45" s="30"/>
    </row>
    <row r="46" spans="1:10" s="14" customFormat="1" ht="14">
      <c r="A46" s="19"/>
      <c r="F46" s="69" t="s">
        <v>88</v>
      </c>
      <c r="G46" s="69"/>
      <c r="H46" s="69"/>
      <c r="I46" s="69"/>
      <c r="J46" s="69"/>
    </row>
    <row r="47" spans="1:10" s="14" customFormat="1" ht="14">
      <c r="A47" s="19"/>
      <c r="F47" s="31"/>
      <c r="G47" s="31"/>
      <c r="H47" s="31"/>
      <c r="I47" s="31"/>
      <c r="J47" s="31"/>
    </row>
    <row r="48" spans="1:10" s="14" customFormat="1" ht="14.25" customHeight="1">
      <c r="A48" s="14" t="s">
        <v>65</v>
      </c>
      <c r="G48" s="17" t="s">
        <v>71</v>
      </c>
      <c r="I48" s="17"/>
      <c r="J48" s="14" t="s">
        <v>9</v>
      </c>
    </row>
    <row r="49" spans="1:10" s="14" customFormat="1" ht="14.25" customHeight="1"/>
    <row r="50" spans="1:10" s="14" customFormat="1" ht="14.25" customHeight="1">
      <c r="A50" s="14" t="s">
        <v>70</v>
      </c>
      <c r="G50" s="14" t="s">
        <v>10</v>
      </c>
      <c r="H50" s="14" t="s">
        <v>9</v>
      </c>
    </row>
    <row r="51" spans="1:10" s="14" customFormat="1" ht="14.25" customHeight="1"/>
    <row r="52" spans="1:10" s="32" customFormat="1" ht="14.25" customHeight="1">
      <c r="A52" s="14" t="s">
        <v>110</v>
      </c>
      <c r="B52" s="14"/>
      <c r="C52" s="14"/>
      <c r="D52" s="14"/>
      <c r="E52" s="14"/>
      <c r="F52" s="14"/>
      <c r="G52" s="14" t="s">
        <v>10</v>
      </c>
      <c r="H52" s="14" t="s">
        <v>9</v>
      </c>
      <c r="I52" s="14"/>
      <c r="J52" s="14"/>
    </row>
    <row r="53" spans="1:10" s="32" customFormat="1" ht="14.25" customHeight="1">
      <c r="A53" s="14"/>
      <c r="B53" s="14"/>
      <c r="C53" s="14"/>
      <c r="D53" s="14"/>
      <c r="E53" s="14"/>
      <c r="F53" s="14"/>
      <c r="G53" s="14"/>
      <c r="H53" s="14"/>
      <c r="I53" s="14"/>
      <c r="J53" s="14"/>
    </row>
    <row r="54" spans="1:10" s="14" customFormat="1" ht="14.25" customHeight="1">
      <c r="A54" s="14" t="s">
        <v>111</v>
      </c>
      <c r="G54" s="14" t="s">
        <v>10</v>
      </c>
      <c r="H54" s="14" t="s">
        <v>9</v>
      </c>
    </row>
    <row r="55" spans="1:10" s="14" customFormat="1" ht="14.25" customHeight="1"/>
    <row r="56" spans="1:10" s="14" customFormat="1" ht="14.25" customHeight="1">
      <c r="A56" s="14" t="s">
        <v>108</v>
      </c>
      <c r="G56" s="54" t="s">
        <v>149</v>
      </c>
      <c r="H56" s="54"/>
      <c r="I56" s="54"/>
      <c r="J56" s="54" t="s">
        <v>9</v>
      </c>
    </row>
    <row r="57" spans="1:10" s="14" customFormat="1" ht="14.25" customHeight="1"/>
    <row r="58" spans="1:10" s="14" customFormat="1" ht="14.25" customHeight="1">
      <c r="A58" s="14" t="s">
        <v>150</v>
      </c>
      <c r="G58" s="14" t="s">
        <v>10</v>
      </c>
      <c r="H58" s="14" t="s">
        <v>9</v>
      </c>
    </row>
    <row r="59" spans="1:10" s="14" customFormat="1" ht="14.25" customHeight="1"/>
    <row r="60" spans="1:10" s="14" customFormat="1" ht="14.25" customHeight="1">
      <c r="A60" s="14" t="s">
        <v>153</v>
      </c>
      <c r="G60" s="14" t="s">
        <v>151</v>
      </c>
      <c r="J60" s="14" t="s">
        <v>9</v>
      </c>
    </row>
    <row r="61" spans="1:10" s="14" customFormat="1" ht="14.25" customHeight="1"/>
    <row r="62" spans="1:10" s="14" customFormat="1" ht="14.25" customHeight="1">
      <c r="A62" s="14" t="s">
        <v>154</v>
      </c>
      <c r="G62" s="14" t="s">
        <v>10</v>
      </c>
      <c r="H62" s="14" t="s">
        <v>9</v>
      </c>
    </row>
    <row r="63" spans="1:10" s="14" customFormat="1" ht="14.25" customHeight="1">
      <c r="E63" s="30"/>
    </row>
    <row r="64" spans="1:10" s="14" customFormat="1" ht="14.25" customHeight="1">
      <c r="A64" s="14" t="s">
        <v>155</v>
      </c>
      <c r="G64" s="14" t="s">
        <v>10</v>
      </c>
      <c r="H64" s="14" t="s">
        <v>9</v>
      </c>
    </row>
    <row r="65" spans="1:10" s="14" customFormat="1" ht="14.25" customHeight="1"/>
    <row r="66" spans="1:10" s="14" customFormat="1" ht="14.25" customHeight="1">
      <c r="A66" s="14" t="s">
        <v>156</v>
      </c>
      <c r="G66" s="14" t="s">
        <v>10</v>
      </c>
      <c r="H66" s="14" t="s">
        <v>9</v>
      </c>
    </row>
    <row r="67" spans="1:10" s="14" customFormat="1" ht="14.25" customHeight="1"/>
    <row r="68" spans="1:10" s="14" customFormat="1" ht="14.25" customHeight="1">
      <c r="A68" s="14" t="s">
        <v>157</v>
      </c>
      <c r="G68" s="14" t="s">
        <v>10</v>
      </c>
      <c r="H68" s="14" t="s">
        <v>9</v>
      </c>
    </row>
    <row r="69" spans="1:10" s="14" customFormat="1" ht="14.25" customHeight="1"/>
    <row r="70" spans="1:10" s="14" customFormat="1" ht="14.25" customHeight="1">
      <c r="A70" s="14" t="s">
        <v>158</v>
      </c>
      <c r="G70" s="14" t="s">
        <v>10</v>
      </c>
      <c r="H70" s="14" t="s">
        <v>9</v>
      </c>
    </row>
    <row r="71" spans="1:10" s="14" customFormat="1" ht="14.25" customHeight="1">
      <c r="E71" s="30"/>
    </row>
    <row r="72" spans="1:10" s="14" customFormat="1" ht="14.25" customHeight="1">
      <c r="A72" s="14" t="s">
        <v>159</v>
      </c>
      <c r="G72" s="14" t="s">
        <v>10</v>
      </c>
      <c r="H72" s="14" t="s">
        <v>9</v>
      </c>
    </row>
    <row r="73" spans="1:10" s="14" customFormat="1" ht="14.25" customHeight="1"/>
    <row r="74" spans="1:10" s="14" customFormat="1" ht="14.25" customHeight="1">
      <c r="A74" s="14" t="s">
        <v>160</v>
      </c>
      <c r="G74" s="14" t="s">
        <v>106</v>
      </c>
      <c r="H74" s="14" t="s">
        <v>9</v>
      </c>
    </row>
    <row r="75" spans="1:10" s="14" customFormat="1" ht="14.25" customHeight="1"/>
    <row r="76" spans="1:10" s="14" customFormat="1" ht="14.25" customHeight="1">
      <c r="A76" s="14" t="s">
        <v>161</v>
      </c>
      <c r="G76" s="14" t="s">
        <v>10</v>
      </c>
      <c r="H76" s="14" t="s">
        <v>107</v>
      </c>
    </row>
    <row r="77" spans="1:10" s="14" customFormat="1" ht="14.25" customHeight="1"/>
    <row r="78" spans="1:10" s="14" customFormat="1" ht="14.25" customHeight="1">
      <c r="A78" s="14" t="s">
        <v>162</v>
      </c>
      <c r="G78" s="14" t="s">
        <v>10</v>
      </c>
      <c r="H78" s="14" t="s">
        <v>9</v>
      </c>
    </row>
    <row r="79" spans="1:10" s="14" customFormat="1" ht="14.25" customHeight="1"/>
    <row r="80" spans="1:10" s="14" customFormat="1" ht="14.25" customHeight="1">
      <c r="A80" s="14" t="s">
        <v>163</v>
      </c>
      <c r="E80" s="17"/>
      <c r="G80" s="17" t="s">
        <v>152</v>
      </c>
      <c r="H80" s="17"/>
      <c r="J80" s="14" t="s">
        <v>9</v>
      </c>
    </row>
    <row r="81" spans="1:256" s="14" customFormat="1" ht="14.25" customHeight="1"/>
    <row r="82" spans="1:256" s="14" customFormat="1" ht="14.25" customHeight="1">
      <c r="A82" s="14" t="s">
        <v>164</v>
      </c>
      <c r="G82" s="33" t="s">
        <v>166</v>
      </c>
      <c r="J82" s="14" t="s">
        <v>9</v>
      </c>
    </row>
    <row r="83" spans="1:256" s="14" customFormat="1" ht="14.25" customHeight="1"/>
    <row r="84" spans="1:256" s="14" customFormat="1" ht="14.25" customHeight="1">
      <c r="A84" s="64" t="s">
        <v>167</v>
      </c>
      <c r="B84" s="64"/>
      <c r="C84" s="64"/>
      <c r="D84" s="64"/>
      <c r="E84" s="64"/>
      <c r="F84" s="54"/>
      <c r="G84" s="54" t="s">
        <v>149</v>
      </c>
      <c r="H84" s="54"/>
      <c r="I84" s="54"/>
      <c r="J84" s="54" t="s">
        <v>9</v>
      </c>
      <c r="K84" s="53"/>
      <c r="L84" s="53"/>
      <c r="M84" s="53"/>
      <c r="N84" s="53"/>
      <c r="O84" s="53"/>
      <c r="P84" s="53"/>
      <c r="Q84" s="53"/>
      <c r="R84" s="53"/>
      <c r="S84" s="53"/>
      <c r="T84" s="53"/>
      <c r="U84" s="53"/>
      <c r="V84" s="53"/>
      <c r="W84" s="53"/>
      <c r="X84" s="53"/>
      <c r="Y84" s="53"/>
      <c r="Z84" s="53"/>
      <c r="AA84" s="53"/>
      <c r="AB84" s="53"/>
      <c r="AC84" s="53"/>
      <c r="AD84" s="53"/>
      <c r="AE84" s="53"/>
      <c r="AF84" s="53"/>
      <c r="AG84" s="53"/>
      <c r="AH84" s="53"/>
      <c r="AI84" s="53"/>
      <c r="AJ84" s="53"/>
      <c r="AK84" s="53"/>
      <c r="AL84" s="53"/>
      <c r="AM84" s="53"/>
      <c r="AN84" s="53"/>
      <c r="AO84" s="53"/>
      <c r="AP84" s="53"/>
      <c r="AQ84" s="53"/>
      <c r="AR84" s="53"/>
      <c r="AS84" s="53"/>
      <c r="AT84" s="53"/>
      <c r="AU84" s="53"/>
      <c r="AV84" s="53"/>
      <c r="AW84" s="53"/>
      <c r="AX84" s="53"/>
      <c r="AY84" s="53"/>
      <c r="AZ84" s="53"/>
      <c r="BA84" s="53"/>
      <c r="BB84" s="53"/>
      <c r="BC84" s="53"/>
      <c r="BD84" s="53"/>
      <c r="BE84" s="53"/>
      <c r="BF84" s="53"/>
      <c r="BG84" s="53"/>
      <c r="BH84" s="53"/>
      <c r="BI84" s="53"/>
      <c r="BJ84" s="53"/>
      <c r="BK84" s="53"/>
      <c r="BL84" s="53"/>
      <c r="BM84" s="53"/>
      <c r="BN84" s="53"/>
      <c r="BO84" s="53"/>
      <c r="BP84" s="53"/>
      <c r="BQ84" s="53"/>
      <c r="BR84" s="53"/>
      <c r="BS84" s="53"/>
      <c r="BT84" s="53"/>
      <c r="BU84" s="53"/>
      <c r="BV84" s="53"/>
      <c r="BW84" s="53"/>
      <c r="BX84" s="53"/>
      <c r="BY84" s="53"/>
      <c r="BZ84" s="53"/>
      <c r="CA84" s="53"/>
      <c r="CB84" s="53"/>
      <c r="CC84" s="53"/>
      <c r="CD84" s="53"/>
      <c r="CE84" s="53"/>
      <c r="CF84" s="53"/>
      <c r="CG84" s="53"/>
      <c r="CH84" s="53"/>
      <c r="CI84" s="53"/>
      <c r="CJ84" s="53"/>
      <c r="CK84" s="53"/>
      <c r="CL84" s="53"/>
      <c r="CM84" s="53"/>
      <c r="CN84" s="53"/>
      <c r="CO84" s="53"/>
      <c r="CP84" s="53"/>
      <c r="CQ84" s="53"/>
      <c r="CR84" s="53"/>
      <c r="CS84" s="53"/>
      <c r="CT84" s="53"/>
      <c r="CU84" s="53"/>
      <c r="CV84" s="53"/>
      <c r="CW84" s="53"/>
      <c r="CX84" s="53"/>
      <c r="CY84" s="53"/>
      <c r="CZ84" s="53"/>
      <c r="DA84" s="53"/>
      <c r="DB84" s="53"/>
      <c r="DC84" s="53"/>
      <c r="DD84" s="53"/>
      <c r="DE84" s="53"/>
      <c r="DF84" s="53"/>
      <c r="DG84" s="53"/>
      <c r="DH84" s="53"/>
      <c r="DI84" s="53"/>
      <c r="DJ84" s="53"/>
      <c r="DK84" s="53"/>
      <c r="DL84" s="53"/>
      <c r="DM84" s="53"/>
      <c r="DN84" s="53"/>
      <c r="DO84" s="53"/>
      <c r="DP84" s="53"/>
      <c r="DQ84" s="53"/>
      <c r="DR84" s="53"/>
      <c r="DS84" s="53"/>
      <c r="DT84" s="53"/>
      <c r="DU84" s="53"/>
      <c r="DV84" s="53"/>
      <c r="DW84" s="53"/>
      <c r="DX84" s="53"/>
      <c r="DY84" s="53"/>
      <c r="DZ84" s="53"/>
      <c r="EA84" s="53"/>
      <c r="EB84" s="53"/>
      <c r="EC84" s="53"/>
      <c r="ED84" s="53"/>
      <c r="EE84" s="53"/>
      <c r="EF84" s="53"/>
      <c r="EG84" s="53"/>
      <c r="EH84" s="53"/>
      <c r="EI84" s="53"/>
      <c r="EJ84" s="53"/>
      <c r="EK84" s="53"/>
      <c r="EL84" s="53"/>
      <c r="EM84" s="53"/>
      <c r="EN84" s="53"/>
      <c r="EO84" s="53"/>
      <c r="EP84" s="53"/>
      <c r="EQ84" s="53"/>
      <c r="ER84" s="53"/>
      <c r="ES84" s="53"/>
      <c r="ET84" s="53"/>
      <c r="EU84" s="53"/>
      <c r="EV84" s="53"/>
      <c r="EW84" s="53"/>
      <c r="EX84" s="53"/>
      <c r="EY84" s="53"/>
      <c r="EZ84" s="53"/>
      <c r="FA84" s="53"/>
      <c r="FB84" s="53"/>
      <c r="FC84" s="53"/>
      <c r="FD84" s="53"/>
      <c r="FE84" s="53"/>
      <c r="FF84" s="53"/>
      <c r="FG84" s="53"/>
      <c r="FH84" s="53"/>
      <c r="FI84" s="53"/>
      <c r="FJ84" s="53"/>
      <c r="FK84" s="53"/>
      <c r="FL84" s="53"/>
      <c r="FM84" s="53"/>
      <c r="FN84" s="53"/>
      <c r="FO84" s="53"/>
      <c r="FP84" s="53"/>
      <c r="FQ84" s="53"/>
      <c r="FR84" s="53"/>
      <c r="FS84" s="53"/>
      <c r="FT84" s="53"/>
      <c r="FU84" s="53"/>
      <c r="FV84" s="53"/>
      <c r="FW84" s="53"/>
      <c r="FX84" s="53"/>
      <c r="FY84" s="53"/>
      <c r="FZ84" s="53"/>
      <c r="GA84" s="53"/>
      <c r="GB84" s="53"/>
      <c r="GC84" s="53"/>
      <c r="GD84" s="53"/>
      <c r="GE84" s="53"/>
      <c r="GF84" s="53"/>
      <c r="GG84" s="53"/>
      <c r="GH84" s="53"/>
      <c r="GI84" s="53"/>
      <c r="GJ84" s="53"/>
      <c r="GK84" s="53"/>
      <c r="GL84" s="53"/>
      <c r="GM84" s="53"/>
      <c r="GN84" s="53"/>
      <c r="GO84" s="53"/>
      <c r="GP84" s="53"/>
      <c r="GQ84" s="53"/>
      <c r="GR84" s="53"/>
      <c r="GS84" s="53"/>
      <c r="GT84" s="53"/>
      <c r="GU84" s="53"/>
      <c r="GV84" s="53"/>
      <c r="GW84" s="53"/>
      <c r="GX84" s="53"/>
      <c r="GY84" s="53"/>
      <c r="GZ84" s="53"/>
      <c r="HA84" s="53"/>
      <c r="HB84" s="53"/>
      <c r="HC84" s="53"/>
      <c r="HD84" s="53"/>
      <c r="HE84" s="53"/>
      <c r="HF84" s="53"/>
      <c r="HG84" s="53"/>
      <c r="HH84" s="53"/>
      <c r="HI84" s="53"/>
      <c r="HJ84" s="53"/>
      <c r="HK84" s="53"/>
      <c r="HL84" s="53"/>
      <c r="HM84" s="53"/>
      <c r="HN84" s="53"/>
      <c r="HO84" s="53"/>
      <c r="HP84" s="53"/>
      <c r="HQ84" s="53"/>
      <c r="HR84" s="53"/>
      <c r="HS84" s="53"/>
      <c r="HT84" s="53"/>
      <c r="HU84" s="53"/>
      <c r="HV84" s="53"/>
      <c r="HW84" s="53"/>
      <c r="HX84" s="53"/>
      <c r="HY84" s="53"/>
      <c r="HZ84" s="53"/>
      <c r="IA84" s="53"/>
      <c r="IB84" s="53"/>
      <c r="IC84" s="53"/>
      <c r="ID84" s="53"/>
      <c r="IE84" s="53"/>
      <c r="IF84" s="53"/>
      <c r="IG84" s="53"/>
      <c r="IH84" s="53"/>
      <c r="II84" s="53"/>
      <c r="IJ84" s="53"/>
      <c r="IK84" s="53"/>
      <c r="IL84" s="53"/>
      <c r="IM84" s="53"/>
      <c r="IN84" s="53"/>
      <c r="IO84" s="53"/>
      <c r="IP84" s="53"/>
      <c r="IQ84" s="53"/>
      <c r="IR84" s="53"/>
      <c r="IS84" s="53"/>
      <c r="IT84" s="53"/>
      <c r="IU84" s="53"/>
      <c r="IV84" s="53"/>
    </row>
    <row r="85" spans="1:256" s="14" customFormat="1" ht="14.25" customHeight="1"/>
    <row r="86" spans="1:256" s="74" customFormat="1" ht="14.25" customHeight="1">
      <c r="A86" s="74" t="s">
        <v>165</v>
      </c>
      <c r="G86" s="74" t="s">
        <v>10</v>
      </c>
      <c r="H86" s="74" t="s">
        <v>9</v>
      </c>
    </row>
    <row r="87" spans="1:256" s="14" customFormat="1" ht="14.25" customHeight="1"/>
    <row r="88" spans="1:256" s="14" customFormat="1" ht="14.25" customHeight="1">
      <c r="A88" s="14" t="s">
        <v>136</v>
      </c>
    </row>
    <row r="89" spans="1:256" s="14" customFormat="1" ht="14.25" customHeight="1">
      <c r="G89" s="17"/>
      <c r="H89" s="17"/>
    </row>
    <row r="90" spans="1:256" s="14" customFormat="1" ht="14.25" customHeight="1">
      <c r="A90" s="14" t="s">
        <v>66</v>
      </c>
      <c r="G90" s="17" t="s">
        <v>10</v>
      </c>
      <c r="H90" s="17" t="s">
        <v>9</v>
      </c>
      <c r="J90" s="17"/>
    </row>
    <row r="91" spans="1:256" s="14" customFormat="1" ht="14.25" customHeight="1">
      <c r="J91" s="17"/>
    </row>
    <row r="92" spans="1:256" s="14" customFormat="1" ht="14.25" customHeight="1">
      <c r="A92" s="14" t="s">
        <v>72</v>
      </c>
      <c r="G92" s="17" t="s">
        <v>10</v>
      </c>
      <c r="H92" s="17" t="s">
        <v>9</v>
      </c>
      <c r="J92" s="17"/>
    </row>
    <row r="93" spans="1:256" s="14" customFormat="1" ht="14.25" customHeight="1">
      <c r="A93" s="14" t="s">
        <v>73</v>
      </c>
      <c r="J93" s="17"/>
    </row>
    <row r="94" spans="1:256" s="14" customFormat="1" ht="14.25" customHeight="1">
      <c r="J94" s="17"/>
    </row>
    <row r="95" spans="1:256" s="14" customFormat="1" ht="14.25" customHeight="1">
      <c r="A95" s="14" t="s">
        <v>67</v>
      </c>
      <c r="G95" s="14" t="s">
        <v>10</v>
      </c>
      <c r="H95" s="14" t="s">
        <v>9</v>
      </c>
      <c r="J95" s="17"/>
    </row>
    <row r="96" spans="1:256" s="14" customFormat="1" ht="14.25" customHeight="1">
      <c r="A96" s="14" t="s">
        <v>74</v>
      </c>
      <c r="J96" s="17"/>
    </row>
    <row r="97" spans="1:10" s="14" customFormat="1" ht="14.25" customHeight="1">
      <c r="J97" s="17"/>
    </row>
    <row r="98" spans="1:10" s="32" customFormat="1" ht="14.25" customHeight="1">
      <c r="A98" s="74" t="s">
        <v>168</v>
      </c>
      <c r="B98" s="14"/>
      <c r="C98" s="14"/>
      <c r="D98" s="14"/>
      <c r="E98" s="14"/>
      <c r="F98" s="14"/>
      <c r="G98" s="14" t="s">
        <v>10</v>
      </c>
      <c r="H98" s="14" t="s">
        <v>9</v>
      </c>
      <c r="I98" s="14"/>
      <c r="J98" s="17"/>
    </row>
    <row r="99" spans="1:10" s="32" customFormat="1" ht="14.25" customHeight="1">
      <c r="A99" s="14"/>
      <c r="B99" s="73"/>
      <c r="C99" s="14"/>
      <c r="D99" s="14"/>
      <c r="E99" s="14"/>
      <c r="F99" s="14"/>
      <c r="G99" s="14"/>
      <c r="H99" s="14"/>
      <c r="I99" s="14"/>
      <c r="J99" s="17"/>
    </row>
    <row r="100" spans="1:10" s="32" customFormat="1" ht="14.25" customHeight="1">
      <c r="A100" s="14" t="s">
        <v>137</v>
      </c>
      <c r="B100" s="14"/>
      <c r="C100" s="14"/>
      <c r="D100" s="14"/>
      <c r="E100" s="14"/>
      <c r="F100" s="14"/>
      <c r="G100" s="14"/>
      <c r="H100" s="14"/>
      <c r="I100" s="14"/>
      <c r="J100" s="17"/>
    </row>
    <row r="101" spans="1:10" s="14" customFormat="1" ht="14.25" customHeight="1">
      <c r="A101" s="14" t="s">
        <v>127</v>
      </c>
      <c r="J101" s="17"/>
    </row>
    <row r="102" spans="1:10" s="14" customFormat="1" ht="14.25" customHeight="1">
      <c r="A102" s="14" t="s">
        <v>169</v>
      </c>
      <c r="J102" s="17"/>
    </row>
    <row r="103" spans="1:10" s="14" customFormat="1" ht="14.25" customHeight="1">
      <c r="A103" s="14" t="s">
        <v>170</v>
      </c>
      <c r="J103" s="17"/>
    </row>
    <row r="104" spans="1:10" s="14" customFormat="1" ht="14.25" customHeight="1">
      <c r="J104" s="17"/>
    </row>
    <row r="105" spans="1:10" s="14" customFormat="1" ht="14.25" customHeight="1" thickBot="1">
      <c r="I105" s="14" t="s">
        <v>91</v>
      </c>
      <c r="J105" s="17"/>
    </row>
    <row r="106" spans="1:10" s="14" customFormat="1" ht="14.25" customHeight="1" thickBot="1">
      <c r="B106" s="34" t="s">
        <v>92</v>
      </c>
      <c r="C106" s="35" t="s">
        <v>93</v>
      </c>
      <c r="D106" s="35" t="s">
        <v>94</v>
      </c>
      <c r="E106" s="35" t="s">
        <v>95</v>
      </c>
      <c r="F106" s="35" t="s">
        <v>96</v>
      </c>
      <c r="G106" s="35" t="s">
        <v>97</v>
      </c>
      <c r="H106" s="35" t="s">
        <v>98</v>
      </c>
      <c r="I106" s="36" t="s">
        <v>99</v>
      </c>
      <c r="J106" s="17"/>
    </row>
    <row r="107" spans="1:10" s="14" customFormat="1" ht="14.25" customHeight="1" thickTop="1">
      <c r="B107" s="37" t="s">
        <v>100</v>
      </c>
      <c r="C107" s="38"/>
      <c r="D107" s="38"/>
      <c r="E107" s="38"/>
      <c r="F107" s="38"/>
      <c r="G107" s="38"/>
      <c r="H107" s="38"/>
      <c r="I107" s="39"/>
      <c r="J107" s="17"/>
    </row>
    <row r="108" spans="1:10" s="14" customFormat="1" ht="14.25" customHeight="1">
      <c r="B108" s="40" t="s">
        <v>101</v>
      </c>
      <c r="C108" s="41"/>
      <c r="D108" s="41"/>
      <c r="E108" s="41"/>
      <c r="F108" s="41"/>
      <c r="G108" s="41"/>
      <c r="H108" s="41"/>
      <c r="I108" s="42"/>
      <c r="J108" s="17"/>
    </row>
    <row r="109" spans="1:10" s="14" customFormat="1" ht="14.25" customHeight="1">
      <c r="B109" s="40" t="s">
        <v>102</v>
      </c>
      <c r="C109" s="41"/>
      <c r="D109" s="41"/>
      <c r="E109" s="41"/>
      <c r="F109" s="41"/>
      <c r="G109" s="41"/>
      <c r="H109" s="41"/>
      <c r="I109" s="42"/>
      <c r="J109" s="17"/>
    </row>
    <row r="110" spans="1:10" s="14" customFormat="1" ht="14.25" customHeight="1" thickBot="1">
      <c r="B110" s="43" t="s">
        <v>103</v>
      </c>
      <c r="C110" s="44"/>
      <c r="D110" s="44"/>
      <c r="E110" s="44"/>
      <c r="F110" s="44"/>
      <c r="G110" s="44"/>
      <c r="H110" s="44"/>
      <c r="I110" s="45"/>
      <c r="J110" s="17"/>
    </row>
    <row r="111" spans="1:10" s="14" customFormat="1" ht="14.25" customHeight="1">
      <c r="J111" s="17"/>
    </row>
    <row r="112" spans="1:10" s="14" customFormat="1" ht="14.25" customHeight="1">
      <c r="A112" s="14" t="s">
        <v>104</v>
      </c>
      <c r="J112" s="17"/>
    </row>
    <row r="113" spans="1:10" s="14" customFormat="1" ht="14.25" customHeight="1">
      <c r="J113" s="17"/>
    </row>
    <row r="114" spans="1:10" s="14" customFormat="1" ht="14.25" customHeight="1">
      <c r="A114" s="14" t="s">
        <v>138</v>
      </c>
    </row>
    <row r="115" spans="1:10" s="14" customFormat="1" ht="14.25" customHeight="1"/>
    <row r="116" spans="1:10" s="14" customFormat="1" ht="14.25" customHeight="1">
      <c r="G116" s="15"/>
      <c r="H116" s="14" t="s">
        <v>68</v>
      </c>
    </row>
    <row r="117" spans="1:10" s="14" customFormat="1" ht="14.25" customHeight="1"/>
    <row r="118" spans="1:10" s="14" customFormat="1" ht="14.25" customHeight="1">
      <c r="G118" s="15"/>
      <c r="H118" s="14" t="s">
        <v>68</v>
      </c>
    </row>
    <row r="119" spans="1:10" s="14" customFormat="1" ht="14.25" customHeight="1"/>
    <row r="120" spans="1:10" s="14" customFormat="1" ht="14.25" customHeight="1">
      <c r="A120" s="14" t="s">
        <v>139</v>
      </c>
    </row>
    <row r="121" spans="1:10" s="14" customFormat="1" ht="14.25" customHeight="1">
      <c r="A121" s="14" t="s">
        <v>49</v>
      </c>
    </row>
    <row r="122" spans="1:10" s="14" customFormat="1" ht="14.25" customHeight="1">
      <c r="A122" s="14" t="s">
        <v>50</v>
      </c>
    </row>
    <row r="123" spans="1:10" s="14" customFormat="1" ht="14.25" customHeight="1"/>
    <row r="124" spans="1:10" s="14" customFormat="1" ht="14.25" customHeight="1">
      <c r="E124" s="14" t="s">
        <v>11</v>
      </c>
      <c r="G124" s="17" t="s">
        <v>12</v>
      </c>
    </row>
    <row r="125" spans="1:10" s="14" customFormat="1" ht="14.25" customHeight="1"/>
    <row r="126" spans="1:10" s="14" customFormat="1" ht="14.25" customHeight="1">
      <c r="A126" s="14" t="s">
        <v>76</v>
      </c>
    </row>
    <row r="127" spans="1:10" s="14" customFormat="1" ht="14.25" customHeight="1">
      <c r="A127" s="46" t="s">
        <v>77</v>
      </c>
    </row>
    <row r="128" spans="1:10" s="14" customFormat="1" ht="14.25" customHeight="1">
      <c r="A128" s="14" t="s">
        <v>78</v>
      </c>
      <c r="B128" s="17"/>
      <c r="D128" s="17"/>
    </row>
    <row r="129" spans="1:9" s="14" customFormat="1" ht="14.25" customHeight="1"/>
    <row r="130" spans="1:9" s="14" customFormat="1" ht="14.25" customHeight="1">
      <c r="B130" s="65" t="s">
        <v>13</v>
      </c>
      <c r="C130" s="66"/>
      <c r="D130" s="66"/>
      <c r="E130" s="67"/>
      <c r="F130" s="47" t="s">
        <v>14</v>
      </c>
      <c r="G130" s="65" t="s">
        <v>51</v>
      </c>
      <c r="H130" s="66"/>
      <c r="I130" s="67"/>
    </row>
    <row r="131" spans="1:9" s="14" customFormat="1" ht="14.25" customHeight="1">
      <c r="B131" s="70" t="s">
        <v>15</v>
      </c>
      <c r="C131" s="8" t="s">
        <v>16</v>
      </c>
      <c r="D131" s="9"/>
      <c r="E131" s="10"/>
      <c r="F131" s="48" t="s">
        <v>17</v>
      </c>
      <c r="G131" s="8" t="s">
        <v>18</v>
      </c>
      <c r="H131" s="9"/>
      <c r="I131" s="10"/>
    </row>
    <row r="132" spans="1:9" s="14" customFormat="1" ht="14.25" customHeight="1">
      <c r="B132" s="71"/>
      <c r="C132" s="8" t="s">
        <v>19</v>
      </c>
      <c r="D132" s="9"/>
      <c r="E132" s="10"/>
      <c r="F132" s="48" t="s">
        <v>17</v>
      </c>
      <c r="G132" s="8" t="s">
        <v>18</v>
      </c>
      <c r="H132" s="9"/>
      <c r="I132" s="10"/>
    </row>
    <row r="133" spans="1:9" s="14" customFormat="1" ht="14.25" customHeight="1">
      <c r="B133" s="71"/>
      <c r="C133" s="55" t="s">
        <v>20</v>
      </c>
      <c r="D133" s="56"/>
      <c r="E133" s="57"/>
      <c r="F133" s="48" t="s">
        <v>17</v>
      </c>
      <c r="G133" s="8" t="s">
        <v>21</v>
      </c>
      <c r="H133" s="9"/>
      <c r="I133" s="10"/>
    </row>
    <row r="134" spans="1:9" s="14" customFormat="1" ht="14.25" customHeight="1">
      <c r="B134" s="72"/>
      <c r="C134" s="55" t="s">
        <v>85</v>
      </c>
      <c r="D134" s="56"/>
      <c r="E134" s="57"/>
      <c r="F134" s="48" t="s">
        <v>17</v>
      </c>
      <c r="G134" s="8" t="s">
        <v>18</v>
      </c>
      <c r="H134" s="9"/>
      <c r="I134" s="10"/>
    </row>
    <row r="135" spans="1:9" s="14" customFormat="1" ht="14.25" customHeight="1">
      <c r="B135" s="58" t="s">
        <v>22</v>
      </c>
      <c r="C135" s="11" t="s">
        <v>23</v>
      </c>
      <c r="D135" s="12"/>
      <c r="E135" s="13"/>
      <c r="F135" s="48" t="s">
        <v>17</v>
      </c>
      <c r="G135" s="8" t="s">
        <v>18</v>
      </c>
      <c r="H135" s="9"/>
      <c r="I135" s="10"/>
    </row>
    <row r="136" spans="1:9" s="14" customFormat="1" ht="14.25" customHeight="1">
      <c r="B136" s="59"/>
      <c r="C136" s="11" t="s">
        <v>24</v>
      </c>
      <c r="D136" s="12"/>
      <c r="E136" s="13"/>
      <c r="F136" s="48" t="s">
        <v>17</v>
      </c>
      <c r="G136" s="8" t="s">
        <v>18</v>
      </c>
      <c r="H136" s="9"/>
      <c r="I136" s="10"/>
    </row>
    <row r="137" spans="1:9" s="14" customFormat="1" ht="14.25" customHeight="1">
      <c r="B137" s="59"/>
      <c r="C137" s="11" t="s">
        <v>25</v>
      </c>
      <c r="D137" s="12"/>
      <c r="E137" s="13"/>
      <c r="F137" s="48" t="s">
        <v>17</v>
      </c>
      <c r="G137" s="8" t="s">
        <v>26</v>
      </c>
      <c r="H137" s="9"/>
      <c r="I137" s="10"/>
    </row>
    <row r="138" spans="1:9" s="14" customFormat="1" ht="14.25" customHeight="1">
      <c r="B138" s="59"/>
      <c r="C138" s="11" t="s">
        <v>52</v>
      </c>
      <c r="D138" s="12"/>
      <c r="E138" s="13"/>
      <c r="F138" s="48" t="s">
        <v>17</v>
      </c>
      <c r="G138" s="8" t="s">
        <v>26</v>
      </c>
      <c r="H138" s="9"/>
      <c r="I138" s="10"/>
    </row>
    <row r="139" spans="1:9" s="14" customFormat="1" ht="14.25" customHeight="1">
      <c r="B139" s="59"/>
      <c r="C139" s="11" t="s">
        <v>53</v>
      </c>
      <c r="D139" s="12"/>
      <c r="E139" s="13"/>
      <c r="F139" s="48" t="s">
        <v>17</v>
      </c>
      <c r="G139" s="8" t="s">
        <v>26</v>
      </c>
      <c r="H139" s="9"/>
      <c r="I139" s="10"/>
    </row>
    <row r="140" spans="1:9" s="14" customFormat="1" ht="14.25" customHeight="1">
      <c r="B140" s="59"/>
      <c r="C140" s="11" t="s">
        <v>27</v>
      </c>
      <c r="D140" s="12"/>
      <c r="E140" s="13"/>
      <c r="F140" s="48" t="s">
        <v>17</v>
      </c>
      <c r="G140" s="8" t="s">
        <v>26</v>
      </c>
      <c r="H140" s="9"/>
      <c r="I140" s="10"/>
    </row>
    <row r="141" spans="1:9" s="14" customFormat="1" ht="14.25" customHeight="1">
      <c r="B141" s="59"/>
      <c r="C141" s="11" t="s">
        <v>28</v>
      </c>
      <c r="D141" s="12"/>
      <c r="E141" s="13"/>
      <c r="F141" s="48" t="s">
        <v>17</v>
      </c>
      <c r="G141" s="8" t="s">
        <v>26</v>
      </c>
      <c r="H141" s="9"/>
      <c r="I141" s="10"/>
    </row>
    <row r="142" spans="1:9" s="14" customFormat="1" ht="14.25" customHeight="1">
      <c r="B142" s="59"/>
      <c r="C142" s="55" t="s">
        <v>29</v>
      </c>
      <c r="D142" s="56"/>
      <c r="E142" s="57"/>
      <c r="F142" s="48" t="s">
        <v>17</v>
      </c>
      <c r="G142" s="8" t="s">
        <v>18</v>
      </c>
      <c r="H142" s="9"/>
      <c r="I142" s="10"/>
    </row>
    <row r="143" spans="1:9" s="14" customFormat="1" ht="14.25" customHeight="1">
      <c r="A143" s="49"/>
      <c r="B143" s="59"/>
      <c r="C143" s="11" t="s">
        <v>30</v>
      </c>
      <c r="D143" s="12"/>
      <c r="E143" s="13"/>
      <c r="F143" s="48" t="s">
        <v>17</v>
      </c>
      <c r="G143" s="8" t="s">
        <v>18</v>
      </c>
      <c r="H143" s="9"/>
      <c r="I143" s="10"/>
    </row>
    <row r="144" spans="1:9" s="14" customFormat="1" ht="14.25" customHeight="1">
      <c r="B144" s="59"/>
      <c r="C144" s="11" t="s">
        <v>31</v>
      </c>
      <c r="D144" s="12"/>
      <c r="E144" s="13"/>
      <c r="F144" s="48" t="s">
        <v>17</v>
      </c>
      <c r="G144" s="8" t="s">
        <v>26</v>
      </c>
      <c r="H144" s="9"/>
      <c r="I144" s="10"/>
    </row>
    <row r="145" spans="1:9" s="14" customFormat="1" ht="14.25" customHeight="1">
      <c r="B145" s="59"/>
      <c r="C145" s="55" t="s">
        <v>32</v>
      </c>
      <c r="D145" s="56"/>
      <c r="E145" s="57"/>
      <c r="F145" s="48" t="s">
        <v>17</v>
      </c>
      <c r="G145" s="8" t="s">
        <v>26</v>
      </c>
      <c r="H145" s="9"/>
      <c r="I145" s="10"/>
    </row>
    <row r="146" spans="1:9" s="14" customFormat="1" ht="14.25" customHeight="1">
      <c r="B146" s="60"/>
      <c r="C146" s="11" t="s">
        <v>33</v>
      </c>
      <c r="D146" s="12"/>
      <c r="E146" s="13"/>
      <c r="F146" s="48" t="s">
        <v>17</v>
      </c>
      <c r="G146" s="8" t="s">
        <v>34</v>
      </c>
      <c r="H146" s="9"/>
      <c r="I146" s="10"/>
    </row>
    <row r="147" spans="1:9" s="14" customFormat="1" ht="14.25" customHeight="1">
      <c r="B147" s="61" t="s">
        <v>79</v>
      </c>
      <c r="C147" s="62"/>
      <c r="D147" s="62"/>
      <c r="E147" s="63"/>
      <c r="F147" s="48" t="s">
        <v>35</v>
      </c>
      <c r="G147" s="65" t="s">
        <v>26</v>
      </c>
      <c r="H147" s="66"/>
      <c r="I147" s="67"/>
    </row>
    <row r="148" spans="1:9" s="14" customFormat="1" ht="14.25" customHeight="1">
      <c r="G148" s="17"/>
      <c r="H148" s="17"/>
    </row>
    <row r="149" spans="1:9" s="14" customFormat="1" ht="14.25" customHeight="1">
      <c r="G149" s="17"/>
      <c r="H149" s="17"/>
    </row>
    <row r="150" spans="1:9" s="14" customFormat="1" ht="14.25" customHeight="1">
      <c r="A150" s="14" t="s">
        <v>140</v>
      </c>
    </row>
    <row r="151" spans="1:9" s="14" customFormat="1" ht="14.25" customHeight="1">
      <c r="A151" s="14" t="s">
        <v>80</v>
      </c>
    </row>
    <row r="152" spans="1:9" s="14" customFormat="1" ht="14.25" customHeight="1"/>
    <row r="153" spans="1:9" s="14" customFormat="1" ht="14.25" customHeight="1">
      <c r="B153" s="17"/>
      <c r="E153" s="14" t="s">
        <v>11</v>
      </c>
      <c r="G153" s="17" t="s">
        <v>12</v>
      </c>
      <c r="H153" s="17"/>
    </row>
    <row r="154" spans="1:9" s="14" customFormat="1" ht="14.25" customHeight="1">
      <c r="B154" s="17"/>
      <c r="D154" s="17"/>
      <c r="G154" s="17"/>
      <c r="H154" s="17"/>
    </row>
    <row r="155" spans="1:9" s="14" customFormat="1" ht="14.25" customHeight="1">
      <c r="A155" s="14" t="s">
        <v>81</v>
      </c>
    </row>
    <row r="156" spans="1:9" s="14" customFormat="1" ht="14.25" customHeight="1">
      <c r="A156" s="46" t="s">
        <v>82</v>
      </c>
    </row>
    <row r="157" spans="1:9" s="14" customFormat="1" ht="14.25" customHeight="1">
      <c r="G157" s="17"/>
      <c r="H157" s="17"/>
    </row>
    <row r="158" spans="1:9" s="14" customFormat="1" ht="14.25" customHeight="1">
      <c r="C158" s="17"/>
      <c r="E158" s="14" t="s">
        <v>11</v>
      </c>
      <c r="G158" s="17" t="s">
        <v>12</v>
      </c>
      <c r="H158" s="17"/>
    </row>
    <row r="159" spans="1:9" s="14" customFormat="1" ht="14.25" customHeight="1">
      <c r="G159" s="17"/>
      <c r="H159" s="17"/>
    </row>
    <row r="160" spans="1:9" s="14" customFormat="1" ht="14.25" customHeight="1">
      <c r="A160" s="46" t="s">
        <v>83</v>
      </c>
    </row>
    <row r="161" spans="1:10" s="14" customFormat="1" ht="14.25" customHeight="1">
      <c r="G161" s="17"/>
      <c r="H161" s="17"/>
    </row>
    <row r="162" spans="1:10" s="14" customFormat="1" ht="14.25" customHeight="1">
      <c r="C162" s="17"/>
      <c r="E162" s="14" t="s">
        <v>11</v>
      </c>
      <c r="G162" s="17" t="s">
        <v>12</v>
      </c>
      <c r="H162" s="17"/>
    </row>
    <row r="163" spans="1:10" s="14" customFormat="1" ht="14.25" customHeight="1">
      <c r="G163" s="17"/>
      <c r="H163" s="17"/>
    </row>
    <row r="164" spans="1:10" s="14" customFormat="1" ht="14.25" customHeight="1">
      <c r="A164" s="46" t="s">
        <v>84</v>
      </c>
    </row>
    <row r="165" spans="1:10" s="14" customFormat="1" ht="14.25" customHeight="1"/>
    <row r="166" spans="1:10" s="14" customFormat="1" ht="14.25" customHeight="1">
      <c r="C166" s="17"/>
      <c r="E166" s="14" t="s">
        <v>11</v>
      </c>
      <c r="G166" s="17" t="s">
        <v>12</v>
      </c>
      <c r="H166" s="17"/>
    </row>
    <row r="167" spans="1:10" s="14" customFormat="1" ht="14.25" customHeight="1">
      <c r="C167" s="17"/>
      <c r="G167" s="17"/>
      <c r="H167" s="17"/>
    </row>
    <row r="168" spans="1:10" s="14" customFormat="1" ht="14">
      <c r="A168" s="14" t="s">
        <v>147</v>
      </c>
      <c r="G168" s="17" t="s">
        <v>141</v>
      </c>
      <c r="H168" s="17"/>
      <c r="I168" s="14" t="s">
        <v>142</v>
      </c>
    </row>
    <row r="169" spans="1:10" s="14" customFormat="1" ht="14">
      <c r="A169" s="14" t="s">
        <v>143</v>
      </c>
      <c r="G169" s="17"/>
      <c r="H169" s="17"/>
    </row>
    <row r="170" spans="1:10" s="14" customFormat="1" ht="14">
      <c r="G170" s="17"/>
      <c r="H170" s="17"/>
    </row>
    <row r="171" spans="1:10" s="14" customFormat="1" ht="14">
      <c r="A171" s="14" t="s">
        <v>148</v>
      </c>
      <c r="G171" s="17" t="s">
        <v>144</v>
      </c>
      <c r="H171" s="17" t="s">
        <v>145</v>
      </c>
    </row>
    <row r="172" spans="1:10" s="14" customFormat="1" ht="14">
      <c r="A172" s="14" t="s">
        <v>146</v>
      </c>
      <c r="G172" s="17"/>
      <c r="H172" s="17"/>
    </row>
    <row r="173" spans="1:10" s="14" customFormat="1" ht="14">
      <c r="G173" s="17"/>
      <c r="H173" s="17"/>
    </row>
    <row r="174" spans="1:10" s="14" customFormat="1" ht="14">
      <c r="F174" s="50"/>
      <c r="G174" s="51"/>
      <c r="H174" s="51"/>
      <c r="I174" s="51"/>
      <c r="J174" s="51"/>
    </row>
    <row r="175" spans="1:10" s="14" customFormat="1" ht="14.25" customHeight="1">
      <c r="A175" s="14" t="s">
        <v>112</v>
      </c>
    </row>
    <row r="176" spans="1:10" s="14" customFormat="1" ht="14.25" customHeight="1"/>
    <row r="177" spans="1:2" s="14" customFormat="1" ht="14.25" customHeight="1">
      <c r="A177" s="24" t="s">
        <v>90</v>
      </c>
      <c r="B177" s="14" t="s">
        <v>125</v>
      </c>
    </row>
    <row r="178" spans="1:2" s="14" customFormat="1" ht="14.25" customHeight="1">
      <c r="A178" s="24"/>
      <c r="B178" s="14" t="s">
        <v>126</v>
      </c>
    </row>
    <row r="179" spans="1:2" s="14" customFormat="1" ht="14.25" customHeight="1">
      <c r="A179" s="24" t="s">
        <v>90</v>
      </c>
      <c r="B179" s="14" t="s">
        <v>125</v>
      </c>
    </row>
    <row r="180" spans="1:2" s="14" customFormat="1" ht="14.25" customHeight="1">
      <c r="A180" s="24"/>
      <c r="B180" s="14" t="s">
        <v>113</v>
      </c>
    </row>
    <row r="181" spans="1:2" s="14" customFormat="1" ht="14.25" customHeight="1">
      <c r="A181" s="24" t="s">
        <v>90</v>
      </c>
      <c r="B181" s="14" t="s">
        <v>117</v>
      </c>
    </row>
    <row r="182" spans="1:2" s="14" customFormat="1" ht="14.25" customHeight="1">
      <c r="A182" s="24" t="s">
        <v>114</v>
      </c>
      <c r="B182" s="14" t="s">
        <v>115</v>
      </c>
    </row>
    <row r="183" spans="1:2" s="14" customFormat="1" ht="14.25" customHeight="1">
      <c r="A183" s="24" t="s">
        <v>114</v>
      </c>
      <c r="B183" s="14" t="s">
        <v>116</v>
      </c>
    </row>
    <row r="184" spans="1:2" s="14" customFormat="1" ht="14.25" customHeight="1">
      <c r="A184" s="24" t="s">
        <v>118</v>
      </c>
      <c r="B184" s="14" t="s">
        <v>119</v>
      </c>
    </row>
    <row r="185" spans="1:2" s="14" customFormat="1" ht="14.25" customHeight="1">
      <c r="A185" s="24" t="s">
        <v>120</v>
      </c>
      <c r="B185" s="14" t="s">
        <v>121</v>
      </c>
    </row>
    <row r="186" spans="1:2" s="14" customFormat="1" ht="14.25" customHeight="1">
      <c r="A186" s="24" t="s">
        <v>90</v>
      </c>
      <c r="B186" s="14" t="s">
        <v>122</v>
      </c>
    </row>
    <row r="187" spans="1:2" s="14" customFormat="1" ht="14.25" customHeight="1">
      <c r="A187" s="24" t="s">
        <v>123</v>
      </c>
      <c r="B187" s="14" t="s">
        <v>124</v>
      </c>
    </row>
    <row r="188" spans="1:2" s="14" customFormat="1" ht="14.25" customHeight="1">
      <c r="A188" s="24" t="s">
        <v>120</v>
      </c>
      <c r="B188" s="14" t="s">
        <v>69</v>
      </c>
    </row>
    <row r="189" spans="1:2" s="14" customFormat="1" ht="14.25" customHeight="1">
      <c r="A189" s="24" t="s">
        <v>123</v>
      </c>
      <c r="B189" s="14" t="s">
        <v>3</v>
      </c>
    </row>
    <row r="190" spans="1:2" ht="14.25" customHeight="1"/>
    <row r="191" spans="1:2" s="14" customFormat="1" ht="14">
      <c r="A191" s="14" t="s">
        <v>89</v>
      </c>
    </row>
  </sheetData>
  <mergeCells count="13">
    <mergeCell ref="A84:E84"/>
    <mergeCell ref="G147:I147"/>
    <mergeCell ref="A1:J1"/>
    <mergeCell ref="F46:J46"/>
    <mergeCell ref="B130:E130"/>
    <mergeCell ref="G130:I130"/>
    <mergeCell ref="B131:B134"/>
    <mergeCell ref="C133:E133"/>
    <mergeCell ref="C134:E134"/>
    <mergeCell ref="B135:B146"/>
    <mergeCell ref="C142:E142"/>
    <mergeCell ref="C145:E145"/>
    <mergeCell ref="B147:E147"/>
  </mergeCells>
  <phoneticPr fontId="2"/>
  <pageMargins left="0.78740157480314965" right="0.39370078740157483" top="0.59055118110236227" bottom="0.59055118110236227" header="0.51181102362204722" footer="0.11811023622047245"/>
  <pageSetup paperSize="9" orientation="portrait" blackAndWhite="1" r:id="rId1"/>
  <headerFooter alignWithMargins="0">
    <oddFooter>&amp;C&amp;P</oddFooter>
  </headerFooter>
  <rowBreaks count="2" manualBreakCount="2">
    <brk id="56" max="9" man="1"/>
    <brk id="166" max="9"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58"/>
  <sheetViews>
    <sheetView view="pageBreakPreview" zoomScale="70" zoomScaleNormal="100" zoomScaleSheetLayoutView="70" workbookViewId="0">
      <selection activeCell="A2" sqref="A2"/>
    </sheetView>
  </sheetViews>
  <sheetFormatPr defaultColWidth="9" defaultRowHeight="14.25" customHeight="1"/>
  <cols>
    <col min="1" max="16384" width="9" style="1"/>
  </cols>
  <sheetData>
    <row r="1" spans="1:9" ht="14.25" customHeight="1">
      <c r="A1" s="1" t="s">
        <v>87</v>
      </c>
    </row>
    <row r="3" spans="1:9" ht="14.25" customHeight="1">
      <c r="A3" s="1" t="s">
        <v>75</v>
      </c>
    </row>
    <row r="5" spans="1:9" ht="14.25" customHeight="1">
      <c r="A5" s="1" t="s">
        <v>36</v>
      </c>
      <c r="D5" s="4"/>
      <c r="E5" s="4"/>
      <c r="F5" s="4"/>
      <c r="G5" s="3"/>
      <c r="H5" s="5"/>
      <c r="I5" s="2" t="s">
        <v>2</v>
      </c>
    </row>
    <row r="7" spans="1:9" ht="14.25" customHeight="1">
      <c r="D7" s="4" t="s">
        <v>4</v>
      </c>
      <c r="E7" s="4"/>
      <c r="F7" s="4"/>
      <c r="G7" s="4"/>
      <c r="H7" s="4"/>
      <c r="I7" s="4"/>
    </row>
    <row r="8" spans="1:9" ht="14.25" customHeight="1">
      <c r="D8" s="6"/>
      <c r="E8" s="3"/>
      <c r="F8" s="3"/>
      <c r="G8" s="3"/>
      <c r="H8" s="3"/>
      <c r="I8" s="3"/>
    </row>
    <row r="9" spans="1:9" ht="14.25" customHeight="1">
      <c r="A9" s="1" t="s">
        <v>37</v>
      </c>
      <c r="D9" s="4"/>
      <c r="E9" s="4"/>
      <c r="F9" s="4"/>
      <c r="G9" s="3"/>
      <c r="H9" s="5"/>
      <c r="I9" s="2" t="s">
        <v>2</v>
      </c>
    </row>
    <row r="11" spans="1:9" ht="14.25" customHeight="1">
      <c r="D11" s="4" t="s">
        <v>4</v>
      </c>
      <c r="E11" s="4"/>
      <c r="F11" s="4"/>
      <c r="G11" s="4"/>
      <c r="H11" s="4"/>
      <c r="I11" s="4"/>
    </row>
    <row r="12" spans="1:9" ht="14.25" customHeight="1">
      <c r="D12" s="3"/>
      <c r="E12" s="3"/>
      <c r="F12" s="3"/>
      <c r="G12" s="3"/>
      <c r="H12" s="3"/>
      <c r="I12" s="3"/>
    </row>
    <row r="13" spans="1:9" ht="14.25" customHeight="1">
      <c r="A13" s="1" t="s">
        <v>38</v>
      </c>
      <c r="D13" s="4"/>
      <c r="E13" s="4"/>
      <c r="F13" s="4"/>
      <c r="G13" s="3"/>
      <c r="H13" s="5"/>
      <c r="I13" s="2" t="s">
        <v>2</v>
      </c>
    </row>
    <row r="15" spans="1:9" ht="14.25" customHeight="1">
      <c r="D15" s="4" t="s">
        <v>4</v>
      </c>
      <c r="E15" s="4"/>
      <c r="F15" s="4"/>
      <c r="G15" s="4"/>
      <c r="H15" s="4"/>
      <c r="I15" s="4"/>
    </row>
    <row r="16" spans="1:9" ht="14.25" customHeight="1">
      <c r="D16" s="3"/>
      <c r="E16" s="3"/>
      <c r="F16" s="3"/>
      <c r="G16" s="3"/>
      <c r="H16" s="3"/>
      <c r="I16" s="3"/>
    </row>
    <row r="17" spans="1:9" ht="14.25" customHeight="1">
      <c r="A17" s="1" t="s">
        <v>39</v>
      </c>
      <c r="D17" s="4"/>
      <c r="E17" s="4"/>
      <c r="F17" s="4"/>
      <c r="G17" s="3"/>
      <c r="H17" s="5"/>
      <c r="I17" s="2" t="s">
        <v>2</v>
      </c>
    </row>
    <row r="19" spans="1:9" ht="14.25" customHeight="1">
      <c r="D19" s="4" t="s">
        <v>4</v>
      </c>
      <c r="E19" s="4"/>
      <c r="F19" s="4"/>
      <c r="G19" s="4"/>
      <c r="H19" s="4"/>
      <c r="I19" s="4"/>
    </row>
    <row r="20" spans="1:9" s="3" customFormat="1" ht="14.25" customHeight="1">
      <c r="I20" s="7"/>
    </row>
    <row r="21" spans="1:9" ht="14.25" customHeight="1">
      <c r="A21" s="1" t="s">
        <v>40</v>
      </c>
      <c r="D21" s="4"/>
      <c r="E21" s="4"/>
      <c r="F21" s="4"/>
      <c r="G21" s="3"/>
      <c r="H21" s="5"/>
      <c r="I21" s="2" t="s">
        <v>2</v>
      </c>
    </row>
    <row r="23" spans="1:9" ht="14.25" customHeight="1">
      <c r="D23" s="4" t="s">
        <v>4</v>
      </c>
      <c r="E23" s="4"/>
      <c r="F23" s="4"/>
      <c r="G23" s="4"/>
      <c r="H23" s="4"/>
      <c r="I23" s="4"/>
    </row>
    <row r="24" spans="1:9" ht="14.25" customHeight="1">
      <c r="D24" s="6"/>
      <c r="E24" s="3"/>
      <c r="F24" s="3"/>
      <c r="G24" s="3"/>
      <c r="H24" s="3"/>
      <c r="I24" s="3"/>
    </row>
    <row r="25" spans="1:9" ht="14.25" customHeight="1">
      <c r="A25" s="1" t="s">
        <v>41</v>
      </c>
      <c r="D25" s="4"/>
      <c r="E25" s="4"/>
      <c r="F25" s="4"/>
      <c r="G25" s="3"/>
      <c r="H25" s="5"/>
      <c r="I25" s="2" t="s">
        <v>2</v>
      </c>
    </row>
    <row r="27" spans="1:9" ht="14.25" customHeight="1">
      <c r="D27" s="4" t="s">
        <v>4</v>
      </c>
      <c r="E27" s="4"/>
      <c r="F27" s="4"/>
      <c r="G27" s="4"/>
      <c r="H27" s="4"/>
      <c r="I27" s="4"/>
    </row>
    <row r="28" spans="1:9" ht="14.25" customHeight="1">
      <c r="D28" s="3"/>
      <c r="E28" s="3"/>
      <c r="F28" s="3"/>
      <c r="G28" s="3"/>
      <c r="H28" s="3"/>
      <c r="I28" s="3"/>
    </row>
    <row r="29" spans="1:9" ht="14.25" customHeight="1">
      <c r="A29" s="1" t="s">
        <v>42</v>
      </c>
      <c r="D29" s="4"/>
      <c r="E29" s="4"/>
      <c r="F29" s="4"/>
      <c r="G29" s="3"/>
      <c r="H29" s="5"/>
      <c r="I29" s="2" t="s">
        <v>2</v>
      </c>
    </row>
    <row r="31" spans="1:9" ht="14.25" customHeight="1">
      <c r="D31" s="4" t="s">
        <v>4</v>
      </c>
      <c r="E31" s="4"/>
      <c r="F31" s="4"/>
      <c r="G31" s="4"/>
      <c r="H31" s="4"/>
      <c r="I31" s="4"/>
    </row>
    <row r="32" spans="1:9" ht="14.25" customHeight="1">
      <c r="D32" s="3"/>
      <c r="E32" s="3"/>
      <c r="F32" s="3"/>
      <c r="G32" s="3"/>
      <c r="H32" s="3"/>
      <c r="I32" s="3"/>
    </row>
    <row r="33" spans="1:9" ht="14.25" customHeight="1">
      <c r="A33" s="1" t="s">
        <v>43</v>
      </c>
      <c r="D33" s="4"/>
      <c r="E33" s="4"/>
      <c r="F33" s="4"/>
      <c r="G33" s="3"/>
      <c r="H33" s="5"/>
      <c r="I33" s="2" t="s">
        <v>2</v>
      </c>
    </row>
    <row r="35" spans="1:9" ht="14.25" customHeight="1">
      <c r="D35" s="4" t="s">
        <v>4</v>
      </c>
      <c r="E35" s="4"/>
      <c r="F35" s="4"/>
      <c r="G35" s="4"/>
      <c r="H35" s="4"/>
      <c r="I35" s="4"/>
    </row>
    <row r="36" spans="1:9" s="3" customFormat="1" ht="14.25" customHeight="1">
      <c r="I36" s="7"/>
    </row>
    <row r="37" spans="1:9" ht="14.25" customHeight="1">
      <c r="A37" s="1" t="s">
        <v>44</v>
      </c>
      <c r="D37" s="4"/>
      <c r="E37" s="4"/>
      <c r="F37" s="4"/>
      <c r="G37" s="3"/>
      <c r="H37" s="5"/>
      <c r="I37" s="2" t="s">
        <v>2</v>
      </c>
    </row>
    <row r="39" spans="1:9" ht="14.25" customHeight="1">
      <c r="D39" s="4" t="s">
        <v>4</v>
      </c>
      <c r="E39" s="4"/>
      <c r="F39" s="4"/>
      <c r="G39" s="4"/>
      <c r="H39" s="4"/>
      <c r="I39" s="4"/>
    </row>
    <row r="40" spans="1:9" ht="14.25" customHeight="1">
      <c r="D40" s="6"/>
      <c r="E40" s="3"/>
      <c r="F40" s="3"/>
      <c r="G40" s="3"/>
      <c r="H40" s="3"/>
      <c r="I40" s="3"/>
    </row>
    <row r="41" spans="1:9" ht="14.25" customHeight="1">
      <c r="A41" s="1" t="s">
        <v>45</v>
      </c>
      <c r="D41" s="4"/>
      <c r="E41" s="4"/>
      <c r="F41" s="4"/>
      <c r="G41" s="3"/>
      <c r="H41" s="5"/>
      <c r="I41" s="2" t="s">
        <v>2</v>
      </c>
    </row>
    <row r="43" spans="1:9" ht="14.25" customHeight="1">
      <c r="D43" s="4" t="s">
        <v>4</v>
      </c>
      <c r="E43" s="4"/>
      <c r="F43" s="4"/>
      <c r="G43" s="4"/>
      <c r="H43" s="4"/>
      <c r="I43" s="4"/>
    </row>
    <row r="44" spans="1:9" ht="14.25" customHeight="1">
      <c r="D44" s="3"/>
      <c r="E44" s="3"/>
      <c r="F44" s="3"/>
      <c r="G44" s="3"/>
      <c r="H44" s="3"/>
      <c r="I44" s="3"/>
    </row>
    <row r="45" spans="1:9" ht="14.25" customHeight="1">
      <c r="A45" s="1" t="s">
        <v>46</v>
      </c>
      <c r="D45" s="4"/>
      <c r="E45" s="4"/>
      <c r="F45" s="4"/>
      <c r="G45" s="3"/>
      <c r="H45" s="5"/>
      <c r="I45" s="2" t="s">
        <v>2</v>
      </c>
    </row>
    <row r="47" spans="1:9" ht="14.25" customHeight="1">
      <c r="D47" s="4" t="s">
        <v>4</v>
      </c>
      <c r="E47" s="4"/>
      <c r="F47" s="4"/>
      <c r="G47" s="4"/>
      <c r="H47" s="4"/>
      <c r="I47" s="4"/>
    </row>
    <row r="48" spans="1:9" ht="14.25" customHeight="1">
      <c r="D48" s="3"/>
      <c r="E48" s="3"/>
      <c r="F48" s="3"/>
      <c r="G48" s="3"/>
      <c r="H48" s="3"/>
      <c r="I48" s="3"/>
    </row>
    <row r="49" spans="1:10" ht="14.25" customHeight="1">
      <c r="A49" s="1" t="s">
        <v>47</v>
      </c>
      <c r="D49" s="4"/>
      <c r="E49" s="4"/>
      <c r="F49" s="4"/>
      <c r="G49" s="3"/>
      <c r="H49" s="5"/>
      <c r="I49" s="2" t="s">
        <v>2</v>
      </c>
    </row>
    <row r="51" spans="1:10" ht="14.25" customHeight="1">
      <c r="D51" s="4" t="s">
        <v>4</v>
      </c>
      <c r="E51" s="4"/>
      <c r="F51" s="4"/>
      <c r="G51" s="4"/>
      <c r="H51" s="4"/>
      <c r="I51" s="4"/>
    </row>
    <row r="52" spans="1:10" ht="14.25" customHeight="1">
      <c r="D52" s="3"/>
      <c r="E52" s="3"/>
      <c r="F52" s="3"/>
      <c r="G52" s="3"/>
      <c r="H52" s="3"/>
      <c r="I52" s="3"/>
    </row>
    <row r="53" spans="1:10" ht="14.25" customHeight="1">
      <c r="A53" s="1" t="s">
        <v>48</v>
      </c>
      <c r="D53" s="4"/>
      <c r="E53" s="4"/>
      <c r="F53" s="4"/>
      <c r="G53" s="3"/>
      <c r="H53" s="5"/>
      <c r="I53" s="2" t="s">
        <v>2</v>
      </c>
    </row>
    <row r="55" spans="1:10" ht="14.25" customHeight="1">
      <c r="D55" s="4" t="s">
        <v>4</v>
      </c>
      <c r="E55" s="4"/>
      <c r="F55" s="4"/>
      <c r="G55" s="4"/>
      <c r="H55" s="4"/>
      <c r="I55" s="4"/>
    </row>
    <row r="56" spans="1:10" ht="14.25" customHeight="1">
      <c r="D56" s="3"/>
      <c r="E56" s="3"/>
      <c r="F56" s="3"/>
      <c r="G56" s="3"/>
      <c r="H56" s="3"/>
      <c r="I56" s="3"/>
    </row>
    <row r="57" spans="1:10" s="3" customFormat="1" ht="14.25" customHeight="1">
      <c r="I57" s="7"/>
    </row>
    <row r="58" spans="1:10" ht="14.25" customHeight="1">
      <c r="A58" s="3"/>
      <c r="B58" s="3"/>
      <c r="C58" s="3"/>
      <c r="D58" s="3"/>
      <c r="E58" s="3"/>
      <c r="F58" s="3"/>
      <c r="G58" s="3"/>
      <c r="H58" s="3"/>
      <c r="I58" s="3"/>
      <c r="J58" s="3"/>
    </row>
  </sheetData>
  <phoneticPr fontId="2"/>
  <printOptions horizontalCentered="1" verticalCentered="1"/>
  <pageMargins left="0.78740157480314965" right="0.39370078740157483" top="0.59055118110236227" bottom="0.59055118110236227" header="0.51181102362204722" footer="0.11811023622047245"/>
  <pageSetup paperSize="9" orientation="portrait" blackAndWhite="1" r:id="rId1"/>
  <headerFooter alignWithMargins="0">
    <oddFooter>&amp;C&amp;P</oddFooter>
  </headerFooter>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日中型GH</vt:lpstr>
      <vt:lpstr>別紙</vt:lpstr>
      <vt:lpstr>日中型GH!Print_Area</vt:lpstr>
      <vt:lpstr>別紙!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1-09-10T09:55:30Z</cp:lastPrinted>
  <dcterms:created xsi:type="dcterms:W3CDTF">1601-01-01T00:00:00Z</dcterms:created>
  <dcterms:modified xsi:type="dcterms:W3CDTF">2023-08-02T06:14:50Z</dcterms:modified>
  <cp:category/>
</cp:coreProperties>
</file>